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事業状況Excel\"/>
    </mc:Choice>
  </mc:AlternateContent>
  <xr:revisionPtr revIDLastSave="0" documentId="13_ncr:1_{0D80A183-3682-4D18-BC06-D44B9116DB35}" xr6:coauthVersionLast="47" xr6:coauthVersionMax="47" xr10:uidLastSave="{00000000-0000-0000-0000-000000000000}"/>
  <bookViews>
    <workbookView xWindow="5175" yWindow="-16320" windowWidth="29040" windowHeight="15720" xr2:uid="{6FC36326-D2AB-4125-9923-D97CB9915FA0}"/>
  </bookViews>
  <sheets>
    <sheet name="sheet5" sheetId="1" r:id="rId1"/>
  </sheets>
  <definedNames>
    <definedName name="_xlnm.Print_Area" localSheetId="0">sheet5!$B$1:$M$2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25" i="1" l="1"/>
  <c r="J25" i="1"/>
  <c r="H25" i="1"/>
  <c r="F25" i="1"/>
  <c r="L24" i="1"/>
  <c r="J24" i="1"/>
  <c r="H24" i="1"/>
  <c r="F24" i="1"/>
  <c r="L23" i="1"/>
  <c r="J23" i="1"/>
  <c r="H23" i="1"/>
  <c r="F23" i="1"/>
  <c r="L22" i="1"/>
  <c r="J22" i="1"/>
  <c r="H22" i="1"/>
  <c r="F22" i="1"/>
  <c r="L21" i="1"/>
  <c r="J21" i="1"/>
  <c r="H21" i="1"/>
  <c r="F21" i="1"/>
  <c r="L20" i="1"/>
  <c r="M18" i="1" s="1"/>
  <c r="K20" i="1"/>
  <c r="I20" i="1"/>
  <c r="G20" i="1"/>
  <c r="M19" i="1"/>
  <c r="K19" i="1"/>
  <c r="I19" i="1"/>
  <c r="G19" i="1"/>
  <c r="K18" i="1"/>
  <c r="I18" i="1"/>
  <c r="G18" i="1"/>
  <c r="M17" i="1"/>
  <c r="K17" i="1"/>
  <c r="I17" i="1"/>
  <c r="G17" i="1"/>
  <c r="M16" i="1"/>
  <c r="K16" i="1"/>
  <c r="I16" i="1"/>
  <c r="G16" i="1"/>
  <c r="K15" i="1"/>
  <c r="I15" i="1"/>
  <c r="G15" i="1"/>
  <c r="M14" i="1"/>
  <c r="K14" i="1"/>
  <c r="I14" i="1"/>
  <c r="G14" i="1"/>
  <c r="L13" i="1"/>
  <c r="M11" i="1" s="1"/>
  <c r="K13" i="1"/>
  <c r="I13" i="1"/>
  <c r="G13" i="1"/>
  <c r="K12" i="1"/>
  <c r="I12" i="1"/>
  <c r="G12" i="1"/>
  <c r="K11" i="1"/>
  <c r="I11" i="1"/>
  <c r="G11" i="1"/>
  <c r="K10" i="1"/>
  <c r="I10" i="1"/>
  <c r="G10" i="1"/>
  <c r="K9" i="1"/>
  <c r="I9" i="1"/>
  <c r="G9" i="1"/>
  <c r="K8" i="1"/>
  <c r="I8" i="1"/>
  <c r="G8" i="1"/>
  <c r="K7" i="1"/>
  <c r="I7" i="1"/>
  <c r="G7" i="1"/>
  <c r="M10" i="1" l="1"/>
  <c r="M7" i="1"/>
  <c r="M20" i="1"/>
  <c r="L26" i="1"/>
  <c r="F26" i="1"/>
  <c r="H26" i="1"/>
  <c r="M12" i="1"/>
  <c r="M15" i="1"/>
  <c r="J26" i="1"/>
  <c r="M9" i="1"/>
  <c r="M13" i="1"/>
  <c r="M8" i="1"/>
</calcChain>
</file>

<file path=xl/sharedStrings.xml><?xml version="1.0" encoding="utf-8"?>
<sst xmlns="http://schemas.openxmlformats.org/spreadsheetml/2006/main" count="49" uniqueCount="30">
  <si>
    <t>表５　被保険者の異動状況</t>
    <rPh sb="0" eb="1">
      <t>ヒョウ</t>
    </rPh>
    <rPh sb="3" eb="4">
      <t>ヒ</t>
    </rPh>
    <rPh sb="4" eb="7">
      <t>ホケンシャ</t>
    </rPh>
    <rPh sb="8" eb="10">
      <t>イドウ</t>
    </rPh>
    <rPh sb="10" eb="12">
      <t>ジョウキョウ</t>
    </rPh>
    <phoneticPr fontId="2"/>
  </si>
  <si>
    <t>令和２年度</t>
    <rPh sb="0" eb="2">
      <t>レイワ</t>
    </rPh>
    <rPh sb="3" eb="5">
      <t>ネンド</t>
    </rPh>
    <phoneticPr fontId="2"/>
  </si>
  <si>
    <r>
      <t>令和</t>
    </r>
    <r>
      <rPr>
        <sz val="11"/>
        <rFont val="明朝"/>
        <family val="3"/>
        <charset val="128"/>
      </rPr>
      <t>４年度</t>
    </r>
    <rPh sb="0" eb="2">
      <t>レイワ</t>
    </rPh>
    <rPh sb="3" eb="5">
      <t>ネンド</t>
    </rPh>
    <phoneticPr fontId="2"/>
  </si>
  <si>
    <t>実数</t>
    <rPh sb="0" eb="2">
      <t>ジッスウ</t>
    </rPh>
    <phoneticPr fontId="2"/>
  </si>
  <si>
    <t>割合</t>
    <rPh sb="0" eb="2">
      <t>ワリアイ</t>
    </rPh>
    <phoneticPr fontId="2"/>
  </si>
  <si>
    <t>人</t>
    <rPh sb="0" eb="1">
      <t>ニン</t>
    </rPh>
    <phoneticPr fontId="2"/>
  </si>
  <si>
    <t>％</t>
    <phoneticPr fontId="2"/>
  </si>
  <si>
    <t>増　加</t>
    <rPh sb="0" eb="1">
      <t>ゾウ</t>
    </rPh>
    <rPh sb="2" eb="3">
      <t>カ</t>
    </rPh>
    <phoneticPr fontId="2"/>
  </si>
  <si>
    <t>転入</t>
    <rPh sb="0" eb="2">
      <t>テンニュウ</t>
    </rPh>
    <phoneticPr fontId="2"/>
  </si>
  <si>
    <t>社保離脱</t>
    <rPh sb="0" eb="1">
      <t>シャ</t>
    </rPh>
    <rPh sb="1" eb="2">
      <t>ホ</t>
    </rPh>
    <rPh sb="2" eb="4">
      <t>リダツ</t>
    </rPh>
    <phoneticPr fontId="2"/>
  </si>
  <si>
    <t>生保廃止</t>
    <rPh sb="0" eb="2">
      <t>セイホ</t>
    </rPh>
    <rPh sb="2" eb="4">
      <t>ハイシ</t>
    </rPh>
    <phoneticPr fontId="2"/>
  </si>
  <si>
    <t>出生</t>
    <rPh sb="0" eb="2">
      <t>シュッショウ</t>
    </rPh>
    <phoneticPr fontId="2"/>
  </si>
  <si>
    <t>後期高齢者離脱</t>
    <rPh sb="0" eb="2">
      <t>コウキ</t>
    </rPh>
    <rPh sb="2" eb="5">
      <t>コウレイシャ</t>
    </rPh>
    <rPh sb="5" eb="7">
      <t>リダツ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減　少</t>
    <rPh sb="0" eb="1">
      <t>ゲン</t>
    </rPh>
    <rPh sb="2" eb="3">
      <t>ショウ</t>
    </rPh>
    <phoneticPr fontId="2"/>
  </si>
  <si>
    <t>転出</t>
    <rPh sb="0" eb="2">
      <t>テンシュツ</t>
    </rPh>
    <phoneticPr fontId="2"/>
  </si>
  <si>
    <t>社保加入</t>
    <rPh sb="0" eb="1">
      <t>シャ</t>
    </rPh>
    <rPh sb="1" eb="2">
      <t>ホ</t>
    </rPh>
    <rPh sb="2" eb="4">
      <t>カニュウ</t>
    </rPh>
    <phoneticPr fontId="2"/>
  </si>
  <si>
    <t>生保加入</t>
    <rPh sb="0" eb="2">
      <t>セイホ</t>
    </rPh>
    <rPh sb="2" eb="4">
      <t>カニュウ</t>
    </rPh>
    <phoneticPr fontId="2"/>
  </si>
  <si>
    <t>死亡</t>
    <rPh sb="0" eb="2">
      <t>シボウ</t>
    </rPh>
    <phoneticPr fontId="2"/>
  </si>
  <si>
    <t>後期高齢者加入</t>
    <rPh sb="0" eb="2">
      <t>コウキ</t>
    </rPh>
    <rPh sb="2" eb="5">
      <t>コウレイシャ</t>
    </rPh>
    <rPh sb="5" eb="7">
      <t>カニュウ</t>
    </rPh>
    <phoneticPr fontId="2"/>
  </si>
  <si>
    <t>増　減　差</t>
    <rPh sb="0" eb="1">
      <t>ゾウ</t>
    </rPh>
    <rPh sb="2" eb="3">
      <t>ゲン</t>
    </rPh>
    <rPh sb="4" eb="5">
      <t>サ</t>
    </rPh>
    <phoneticPr fontId="2"/>
  </si>
  <si>
    <t>自然増加</t>
    <rPh sb="0" eb="2">
      <t>シゼン</t>
    </rPh>
    <rPh sb="2" eb="4">
      <t>ゾウカ</t>
    </rPh>
    <phoneticPr fontId="2"/>
  </si>
  <si>
    <t>社保との異動</t>
    <rPh sb="0" eb="1">
      <t>シャ</t>
    </rPh>
    <rPh sb="1" eb="2">
      <t>ホ</t>
    </rPh>
    <rPh sb="4" eb="6">
      <t>イドウ</t>
    </rPh>
    <phoneticPr fontId="2"/>
  </si>
  <si>
    <t>生保との異動</t>
    <rPh sb="0" eb="2">
      <t>セイホ</t>
    </rPh>
    <rPh sb="4" eb="6">
      <t>イドウ</t>
    </rPh>
    <phoneticPr fontId="2"/>
  </si>
  <si>
    <t>後期高齢者医療制度との異動</t>
    <rPh sb="0" eb="2">
      <t>コウキ</t>
    </rPh>
    <rPh sb="2" eb="5">
      <t>コウレイシャ</t>
    </rPh>
    <rPh sb="5" eb="7">
      <t>イリョウ</t>
    </rPh>
    <rPh sb="7" eb="9">
      <t>セイド</t>
    </rPh>
    <rPh sb="11" eb="13">
      <t>イドウ</t>
    </rPh>
    <phoneticPr fontId="2"/>
  </si>
  <si>
    <t>転出入・その他</t>
    <rPh sb="0" eb="1">
      <t>テン</t>
    </rPh>
    <rPh sb="1" eb="3">
      <t>シュツニュウ</t>
    </rPh>
    <rPh sb="6" eb="7">
      <t>タ</t>
    </rPh>
    <phoneticPr fontId="2"/>
  </si>
  <si>
    <r>
      <t>令和</t>
    </r>
    <r>
      <rPr>
        <sz val="11"/>
        <rFont val="明朝"/>
        <family val="3"/>
        <charset val="128"/>
      </rPr>
      <t>元年度</t>
    </r>
    <rPh sb="0" eb="2">
      <t>レイワ</t>
    </rPh>
    <rPh sb="2" eb="3">
      <t>ガン</t>
    </rPh>
    <rPh sb="3" eb="5">
      <t>ネンド</t>
    </rPh>
    <phoneticPr fontId="2"/>
  </si>
  <si>
    <r>
      <t>令和</t>
    </r>
    <r>
      <rPr>
        <sz val="11"/>
        <rFont val="明朝"/>
        <family val="3"/>
        <charset val="128"/>
      </rPr>
      <t>３年度</t>
    </r>
    <rPh sb="0" eb="2">
      <t>レイワ</t>
    </rPh>
    <rPh sb="3" eb="5">
      <t>ネンド</t>
    </rPh>
    <phoneticPr fontId="2"/>
  </si>
  <si>
    <r>
      <t>令和</t>
    </r>
    <r>
      <rPr>
        <sz val="11"/>
        <rFont val="明朝"/>
        <family val="3"/>
        <charset val="128"/>
      </rPr>
      <t>５年度</t>
    </r>
    <rPh sb="0" eb="2">
      <t>レイワ</t>
    </rPh>
    <rPh sb="3" eb="5">
      <t>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.00_ "/>
    <numFmt numFmtId="177" formatCode="#,##0;&quot;△ &quot;#,##0"/>
    <numFmt numFmtId="178" formatCode="#,##0;&quot;▲ &quot;#,##0"/>
  </numFmts>
  <fonts count="5">
    <font>
      <sz val="11"/>
      <name val="明朝"/>
      <family val="3"/>
      <charset val="128"/>
    </font>
    <font>
      <sz val="11"/>
      <name val="明朝"/>
      <family val="3"/>
      <charset val="128"/>
    </font>
    <font>
      <sz val="6"/>
      <name val="明朝"/>
      <family val="3"/>
      <charset val="128"/>
    </font>
    <font>
      <sz val="8"/>
      <name val="明朝"/>
      <family val="3"/>
      <charset val="128"/>
    </font>
    <font>
      <sz val="14"/>
      <color rgb="FFFF0000"/>
      <name val="明朝"/>
      <family val="3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8">
    <xf numFmtId="0" fontId="0" fillId="0" borderId="0" xfId="0"/>
    <xf numFmtId="0" fontId="0" fillId="0" borderId="0" xfId="0" applyAlignment="1">
      <alignment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38" fontId="0" fillId="0" borderId="0" xfId="1" applyFont="1" applyAlignment="1">
      <alignment vertical="center"/>
    </xf>
    <xf numFmtId="38" fontId="0" fillId="0" borderId="10" xfId="1" applyFont="1" applyBorder="1" applyAlignment="1">
      <alignment vertical="center"/>
    </xf>
    <xf numFmtId="0" fontId="4" fillId="0" borderId="0" xfId="0" applyFont="1" applyAlignment="1">
      <alignment vertical="center"/>
    </xf>
    <xf numFmtId="0" fontId="0" fillId="0" borderId="0" xfId="0" applyFont="1" applyAlignment="1">
      <alignment vertical="center"/>
    </xf>
    <xf numFmtId="0" fontId="0" fillId="0" borderId="1" xfId="0" applyFont="1" applyBorder="1" applyAlignment="1">
      <alignment vertical="center"/>
    </xf>
    <xf numFmtId="0" fontId="0" fillId="0" borderId="4" xfId="0" applyFont="1" applyBorder="1" applyAlignment="1">
      <alignment vertical="center"/>
    </xf>
    <xf numFmtId="0" fontId="0" fillId="0" borderId="5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6" xfId="0" applyFont="1" applyBorder="1" applyAlignment="1">
      <alignment vertical="center"/>
    </xf>
    <xf numFmtId="0" fontId="0" fillId="0" borderId="9" xfId="0" applyFont="1" applyBorder="1" applyAlignment="1">
      <alignment horizontal="distributed" vertical="center"/>
    </xf>
    <xf numFmtId="176" fontId="0" fillId="0" borderId="10" xfId="0" applyNumberFormat="1" applyFont="1" applyBorder="1" applyAlignment="1">
      <alignment vertical="center"/>
    </xf>
    <xf numFmtId="176" fontId="0" fillId="0" borderId="9" xfId="0" applyNumberFormat="1" applyFont="1" applyBorder="1" applyAlignment="1">
      <alignment vertical="center"/>
    </xf>
    <xf numFmtId="0" fontId="0" fillId="0" borderId="9" xfId="0" applyFont="1" applyBorder="1" applyAlignment="1">
      <alignment horizontal="distributed" vertical="center" shrinkToFit="1"/>
    </xf>
    <xf numFmtId="0" fontId="0" fillId="0" borderId="12" xfId="0" applyFont="1" applyBorder="1" applyAlignment="1">
      <alignment horizontal="distributed" vertical="center"/>
    </xf>
    <xf numFmtId="38" fontId="0" fillId="0" borderId="11" xfId="1" applyFont="1" applyBorder="1" applyAlignment="1">
      <alignment vertical="center"/>
    </xf>
    <xf numFmtId="176" fontId="0" fillId="0" borderId="13" xfId="0" applyNumberFormat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176" fontId="0" fillId="0" borderId="12" xfId="0" applyNumberFormat="1" applyFont="1" applyBorder="1" applyAlignment="1">
      <alignment vertical="center"/>
    </xf>
    <xf numFmtId="177" fontId="0" fillId="0" borderId="8" xfId="1" applyNumberFormat="1" applyFont="1" applyBorder="1" applyAlignment="1">
      <alignment vertical="center"/>
    </xf>
    <xf numFmtId="177" fontId="0" fillId="0" borderId="9" xfId="1" applyNumberFormat="1" applyFont="1" applyBorder="1" applyAlignment="1">
      <alignment vertical="center"/>
    </xf>
    <xf numFmtId="178" fontId="0" fillId="0" borderId="8" xfId="1" applyNumberFormat="1" applyFont="1" applyBorder="1" applyAlignment="1">
      <alignment vertical="center"/>
    </xf>
    <xf numFmtId="178" fontId="0" fillId="0" borderId="9" xfId="1" applyNumberFormat="1" applyFont="1" applyBorder="1" applyAlignment="1">
      <alignment vertical="center"/>
    </xf>
    <xf numFmtId="0" fontId="0" fillId="0" borderId="9" xfId="0" applyFont="1" applyBorder="1" applyAlignment="1">
      <alignment vertical="center" shrinkToFit="1"/>
    </xf>
    <xf numFmtId="0" fontId="0" fillId="0" borderId="9" xfId="0" quotePrefix="1" applyFont="1" applyBorder="1" applyAlignment="1">
      <alignment horizontal="distributed" vertical="center" shrinkToFit="1"/>
    </xf>
    <xf numFmtId="177" fontId="0" fillId="0" borderId="11" xfId="1" applyNumberFormat="1" applyFont="1" applyBorder="1" applyAlignment="1">
      <alignment vertical="center"/>
    </xf>
    <xf numFmtId="177" fontId="0" fillId="0" borderId="12" xfId="1" applyNumberFormat="1" applyFont="1" applyBorder="1" applyAlignment="1">
      <alignment vertical="center"/>
    </xf>
    <xf numFmtId="10" fontId="0" fillId="0" borderId="15" xfId="0" applyNumberFormat="1" applyFont="1" applyBorder="1" applyAlignment="1">
      <alignment horizontal="center" vertical="center"/>
    </xf>
    <xf numFmtId="10" fontId="0" fillId="0" borderId="16" xfId="0" applyNumberFormat="1" applyFont="1" applyBorder="1" applyAlignment="1">
      <alignment horizontal="center" vertical="center"/>
    </xf>
    <xf numFmtId="10" fontId="0" fillId="0" borderId="17" xfId="0" applyNumberFormat="1" applyFont="1" applyBorder="1" applyAlignment="1">
      <alignment horizontal="center" vertical="center"/>
    </xf>
    <xf numFmtId="0" fontId="0" fillId="0" borderId="14" xfId="0" applyFont="1" applyBorder="1" applyAlignment="1">
      <alignment horizontal="center" vertical="center" wrapText="1"/>
    </xf>
    <xf numFmtId="0" fontId="0" fillId="0" borderId="8" xfId="0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  <xf numFmtId="0" fontId="0" fillId="0" borderId="2" xfId="0" quotePrefix="1" applyFont="1" applyBorder="1" applyAlignment="1">
      <alignment horizontal="center" vertical="center"/>
    </xf>
    <xf numFmtId="0" fontId="0" fillId="0" borderId="3" xfId="0" quotePrefix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35FFE5E-6E4A-486F-A173-96EDC94CF5F9}">
  <sheetPr>
    <tabColor rgb="FFFFFF00"/>
  </sheetPr>
  <dimension ref="B1:N29"/>
  <sheetViews>
    <sheetView showGridLines="0" tabSelected="1" view="pageBreakPreview" zoomScaleNormal="85" zoomScaleSheetLayoutView="100" workbookViewId="0">
      <pane xSplit="3" ySplit="6" topLeftCell="D7" activePane="bottomRight" state="frozen"/>
      <selection activeCell="E13" sqref="E13"/>
      <selection pane="topRight" activeCell="E13" sqref="E13"/>
      <selection pane="bottomLeft" activeCell="E13" sqref="E13"/>
      <selection pane="bottomRight" activeCell="T21" sqref="T21"/>
    </sheetView>
  </sheetViews>
  <sheetFormatPr defaultColWidth="9" defaultRowHeight="13"/>
  <cols>
    <col min="1" max="1" width="2.6328125" style="1" customWidth="1"/>
    <col min="2" max="2" width="5.6328125" style="1" customWidth="1"/>
    <col min="3" max="3" width="23.90625" style="1" customWidth="1"/>
    <col min="4" max="4" width="10.6328125" style="1" customWidth="1"/>
    <col min="5" max="5" width="8.6328125" style="1" customWidth="1"/>
    <col min="6" max="6" width="10.6328125" style="1" customWidth="1"/>
    <col min="7" max="7" width="8.6328125" style="1" customWidth="1"/>
    <col min="8" max="8" width="10.6328125" style="1" customWidth="1"/>
    <col min="9" max="9" width="8.6328125" style="1" customWidth="1"/>
    <col min="10" max="10" width="10.6328125" style="1" customWidth="1"/>
    <col min="11" max="11" width="8.6328125" style="1" customWidth="1"/>
    <col min="12" max="12" width="10.6328125" style="1" customWidth="1"/>
    <col min="13" max="13" width="8.6328125" style="1" customWidth="1"/>
    <col min="14" max="256" width="9" style="1"/>
    <col min="257" max="257" width="2.6328125" style="1" customWidth="1"/>
    <col min="258" max="258" width="5.6328125" style="1" customWidth="1"/>
    <col min="259" max="259" width="23.90625" style="1" customWidth="1"/>
    <col min="260" max="260" width="10.6328125" style="1" customWidth="1"/>
    <col min="261" max="261" width="8.6328125" style="1" customWidth="1"/>
    <col min="262" max="262" width="10.6328125" style="1" customWidth="1"/>
    <col min="263" max="263" width="8.6328125" style="1" customWidth="1"/>
    <col min="264" max="264" width="10.6328125" style="1" customWidth="1"/>
    <col min="265" max="265" width="8.6328125" style="1" customWidth="1"/>
    <col min="266" max="266" width="10.6328125" style="1" customWidth="1"/>
    <col min="267" max="267" width="8.6328125" style="1" customWidth="1"/>
    <col min="268" max="268" width="10.6328125" style="1" customWidth="1"/>
    <col min="269" max="269" width="8.6328125" style="1" customWidth="1"/>
    <col min="270" max="512" width="9" style="1"/>
    <col min="513" max="513" width="2.6328125" style="1" customWidth="1"/>
    <col min="514" max="514" width="5.6328125" style="1" customWidth="1"/>
    <col min="515" max="515" width="23.90625" style="1" customWidth="1"/>
    <col min="516" max="516" width="10.6328125" style="1" customWidth="1"/>
    <col min="517" max="517" width="8.6328125" style="1" customWidth="1"/>
    <col min="518" max="518" width="10.6328125" style="1" customWidth="1"/>
    <col min="519" max="519" width="8.6328125" style="1" customWidth="1"/>
    <col min="520" max="520" width="10.6328125" style="1" customWidth="1"/>
    <col min="521" max="521" width="8.6328125" style="1" customWidth="1"/>
    <col min="522" max="522" width="10.6328125" style="1" customWidth="1"/>
    <col min="523" max="523" width="8.6328125" style="1" customWidth="1"/>
    <col min="524" max="524" width="10.6328125" style="1" customWidth="1"/>
    <col min="525" max="525" width="8.6328125" style="1" customWidth="1"/>
    <col min="526" max="768" width="9" style="1"/>
    <col min="769" max="769" width="2.6328125" style="1" customWidth="1"/>
    <col min="770" max="770" width="5.6328125" style="1" customWidth="1"/>
    <col min="771" max="771" width="23.90625" style="1" customWidth="1"/>
    <col min="772" max="772" width="10.6328125" style="1" customWidth="1"/>
    <col min="773" max="773" width="8.6328125" style="1" customWidth="1"/>
    <col min="774" max="774" width="10.6328125" style="1" customWidth="1"/>
    <col min="775" max="775" width="8.6328125" style="1" customWidth="1"/>
    <col min="776" max="776" width="10.6328125" style="1" customWidth="1"/>
    <col min="777" max="777" width="8.6328125" style="1" customWidth="1"/>
    <col min="778" max="778" width="10.6328125" style="1" customWidth="1"/>
    <col min="779" max="779" width="8.6328125" style="1" customWidth="1"/>
    <col min="780" max="780" width="10.6328125" style="1" customWidth="1"/>
    <col min="781" max="781" width="8.6328125" style="1" customWidth="1"/>
    <col min="782" max="1024" width="9" style="1"/>
    <col min="1025" max="1025" width="2.6328125" style="1" customWidth="1"/>
    <col min="1026" max="1026" width="5.6328125" style="1" customWidth="1"/>
    <col min="1027" max="1027" width="23.90625" style="1" customWidth="1"/>
    <col min="1028" max="1028" width="10.6328125" style="1" customWidth="1"/>
    <col min="1029" max="1029" width="8.6328125" style="1" customWidth="1"/>
    <col min="1030" max="1030" width="10.6328125" style="1" customWidth="1"/>
    <col min="1031" max="1031" width="8.6328125" style="1" customWidth="1"/>
    <col min="1032" max="1032" width="10.6328125" style="1" customWidth="1"/>
    <col min="1033" max="1033" width="8.6328125" style="1" customWidth="1"/>
    <col min="1034" max="1034" width="10.6328125" style="1" customWidth="1"/>
    <col min="1035" max="1035" width="8.6328125" style="1" customWidth="1"/>
    <col min="1036" max="1036" width="10.6328125" style="1" customWidth="1"/>
    <col min="1037" max="1037" width="8.6328125" style="1" customWidth="1"/>
    <col min="1038" max="1280" width="9" style="1"/>
    <col min="1281" max="1281" width="2.6328125" style="1" customWidth="1"/>
    <col min="1282" max="1282" width="5.6328125" style="1" customWidth="1"/>
    <col min="1283" max="1283" width="23.90625" style="1" customWidth="1"/>
    <col min="1284" max="1284" width="10.6328125" style="1" customWidth="1"/>
    <col min="1285" max="1285" width="8.6328125" style="1" customWidth="1"/>
    <col min="1286" max="1286" width="10.6328125" style="1" customWidth="1"/>
    <col min="1287" max="1287" width="8.6328125" style="1" customWidth="1"/>
    <col min="1288" max="1288" width="10.6328125" style="1" customWidth="1"/>
    <col min="1289" max="1289" width="8.6328125" style="1" customWidth="1"/>
    <col min="1290" max="1290" width="10.6328125" style="1" customWidth="1"/>
    <col min="1291" max="1291" width="8.6328125" style="1" customWidth="1"/>
    <col min="1292" max="1292" width="10.6328125" style="1" customWidth="1"/>
    <col min="1293" max="1293" width="8.6328125" style="1" customWidth="1"/>
    <col min="1294" max="1536" width="9" style="1"/>
    <col min="1537" max="1537" width="2.6328125" style="1" customWidth="1"/>
    <col min="1538" max="1538" width="5.6328125" style="1" customWidth="1"/>
    <col min="1539" max="1539" width="23.90625" style="1" customWidth="1"/>
    <col min="1540" max="1540" width="10.6328125" style="1" customWidth="1"/>
    <col min="1541" max="1541" width="8.6328125" style="1" customWidth="1"/>
    <col min="1542" max="1542" width="10.6328125" style="1" customWidth="1"/>
    <col min="1543" max="1543" width="8.6328125" style="1" customWidth="1"/>
    <col min="1544" max="1544" width="10.6328125" style="1" customWidth="1"/>
    <col min="1545" max="1545" width="8.6328125" style="1" customWidth="1"/>
    <col min="1546" max="1546" width="10.6328125" style="1" customWidth="1"/>
    <col min="1547" max="1547" width="8.6328125" style="1" customWidth="1"/>
    <col min="1548" max="1548" width="10.6328125" style="1" customWidth="1"/>
    <col min="1549" max="1549" width="8.6328125" style="1" customWidth="1"/>
    <col min="1550" max="1792" width="9" style="1"/>
    <col min="1793" max="1793" width="2.6328125" style="1" customWidth="1"/>
    <col min="1794" max="1794" width="5.6328125" style="1" customWidth="1"/>
    <col min="1795" max="1795" width="23.90625" style="1" customWidth="1"/>
    <col min="1796" max="1796" width="10.6328125" style="1" customWidth="1"/>
    <col min="1797" max="1797" width="8.6328125" style="1" customWidth="1"/>
    <col min="1798" max="1798" width="10.6328125" style="1" customWidth="1"/>
    <col min="1799" max="1799" width="8.6328125" style="1" customWidth="1"/>
    <col min="1800" max="1800" width="10.6328125" style="1" customWidth="1"/>
    <col min="1801" max="1801" width="8.6328125" style="1" customWidth="1"/>
    <col min="1802" max="1802" width="10.6328125" style="1" customWidth="1"/>
    <col min="1803" max="1803" width="8.6328125" style="1" customWidth="1"/>
    <col min="1804" max="1804" width="10.6328125" style="1" customWidth="1"/>
    <col min="1805" max="1805" width="8.6328125" style="1" customWidth="1"/>
    <col min="1806" max="2048" width="9" style="1"/>
    <col min="2049" max="2049" width="2.6328125" style="1" customWidth="1"/>
    <col min="2050" max="2050" width="5.6328125" style="1" customWidth="1"/>
    <col min="2051" max="2051" width="23.90625" style="1" customWidth="1"/>
    <col min="2052" max="2052" width="10.6328125" style="1" customWidth="1"/>
    <col min="2053" max="2053" width="8.6328125" style="1" customWidth="1"/>
    <col min="2054" max="2054" width="10.6328125" style="1" customWidth="1"/>
    <col min="2055" max="2055" width="8.6328125" style="1" customWidth="1"/>
    <col min="2056" max="2056" width="10.6328125" style="1" customWidth="1"/>
    <col min="2057" max="2057" width="8.6328125" style="1" customWidth="1"/>
    <col min="2058" max="2058" width="10.6328125" style="1" customWidth="1"/>
    <col min="2059" max="2059" width="8.6328125" style="1" customWidth="1"/>
    <col min="2060" max="2060" width="10.6328125" style="1" customWidth="1"/>
    <col min="2061" max="2061" width="8.6328125" style="1" customWidth="1"/>
    <col min="2062" max="2304" width="9" style="1"/>
    <col min="2305" max="2305" width="2.6328125" style="1" customWidth="1"/>
    <col min="2306" max="2306" width="5.6328125" style="1" customWidth="1"/>
    <col min="2307" max="2307" width="23.90625" style="1" customWidth="1"/>
    <col min="2308" max="2308" width="10.6328125" style="1" customWidth="1"/>
    <col min="2309" max="2309" width="8.6328125" style="1" customWidth="1"/>
    <col min="2310" max="2310" width="10.6328125" style="1" customWidth="1"/>
    <col min="2311" max="2311" width="8.6328125" style="1" customWidth="1"/>
    <col min="2312" max="2312" width="10.6328125" style="1" customWidth="1"/>
    <col min="2313" max="2313" width="8.6328125" style="1" customWidth="1"/>
    <col min="2314" max="2314" width="10.6328125" style="1" customWidth="1"/>
    <col min="2315" max="2315" width="8.6328125" style="1" customWidth="1"/>
    <col min="2316" max="2316" width="10.6328125" style="1" customWidth="1"/>
    <col min="2317" max="2317" width="8.6328125" style="1" customWidth="1"/>
    <col min="2318" max="2560" width="9" style="1"/>
    <col min="2561" max="2561" width="2.6328125" style="1" customWidth="1"/>
    <col min="2562" max="2562" width="5.6328125" style="1" customWidth="1"/>
    <col min="2563" max="2563" width="23.90625" style="1" customWidth="1"/>
    <col min="2564" max="2564" width="10.6328125" style="1" customWidth="1"/>
    <col min="2565" max="2565" width="8.6328125" style="1" customWidth="1"/>
    <col min="2566" max="2566" width="10.6328125" style="1" customWidth="1"/>
    <col min="2567" max="2567" width="8.6328125" style="1" customWidth="1"/>
    <col min="2568" max="2568" width="10.6328125" style="1" customWidth="1"/>
    <col min="2569" max="2569" width="8.6328125" style="1" customWidth="1"/>
    <col min="2570" max="2570" width="10.6328125" style="1" customWidth="1"/>
    <col min="2571" max="2571" width="8.6328125" style="1" customWidth="1"/>
    <col min="2572" max="2572" width="10.6328125" style="1" customWidth="1"/>
    <col min="2573" max="2573" width="8.6328125" style="1" customWidth="1"/>
    <col min="2574" max="2816" width="9" style="1"/>
    <col min="2817" max="2817" width="2.6328125" style="1" customWidth="1"/>
    <col min="2818" max="2818" width="5.6328125" style="1" customWidth="1"/>
    <col min="2819" max="2819" width="23.90625" style="1" customWidth="1"/>
    <col min="2820" max="2820" width="10.6328125" style="1" customWidth="1"/>
    <col min="2821" max="2821" width="8.6328125" style="1" customWidth="1"/>
    <col min="2822" max="2822" width="10.6328125" style="1" customWidth="1"/>
    <col min="2823" max="2823" width="8.6328125" style="1" customWidth="1"/>
    <col min="2824" max="2824" width="10.6328125" style="1" customWidth="1"/>
    <col min="2825" max="2825" width="8.6328125" style="1" customWidth="1"/>
    <col min="2826" max="2826" width="10.6328125" style="1" customWidth="1"/>
    <col min="2827" max="2827" width="8.6328125" style="1" customWidth="1"/>
    <col min="2828" max="2828" width="10.6328125" style="1" customWidth="1"/>
    <col min="2829" max="2829" width="8.6328125" style="1" customWidth="1"/>
    <col min="2830" max="3072" width="9" style="1"/>
    <col min="3073" max="3073" width="2.6328125" style="1" customWidth="1"/>
    <col min="3074" max="3074" width="5.6328125" style="1" customWidth="1"/>
    <col min="3075" max="3075" width="23.90625" style="1" customWidth="1"/>
    <col min="3076" max="3076" width="10.6328125" style="1" customWidth="1"/>
    <col min="3077" max="3077" width="8.6328125" style="1" customWidth="1"/>
    <col min="3078" max="3078" width="10.6328125" style="1" customWidth="1"/>
    <col min="3079" max="3079" width="8.6328125" style="1" customWidth="1"/>
    <col min="3080" max="3080" width="10.6328125" style="1" customWidth="1"/>
    <col min="3081" max="3081" width="8.6328125" style="1" customWidth="1"/>
    <col min="3082" max="3082" width="10.6328125" style="1" customWidth="1"/>
    <col min="3083" max="3083" width="8.6328125" style="1" customWidth="1"/>
    <col min="3084" max="3084" width="10.6328125" style="1" customWidth="1"/>
    <col min="3085" max="3085" width="8.6328125" style="1" customWidth="1"/>
    <col min="3086" max="3328" width="9" style="1"/>
    <col min="3329" max="3329" width="2.6328125" style="1" customWidth="1"/>
    <col min="3330" max="3330" width="5.6328125" style="1" customWidth="1"/>
    <col min="3331" max="3331" width="23.90625" style="1" customWidth="1"/>
    <col min="3332" max="3332" width="10.6328125" style="1" customWidth="1"/>
    <col min="3333" max="3333" width="8.6328125" style="1" customWidth="1"/>
    <col min="3334" max="3334" width="10.6328125" style="1" customWidth="1"/>
    <col min="3335" max="3335" width="8.6328125" style="1" customWidth="1"/>
    <col min="3336" max="3336" width="10.6328125" style="1" customWidth="1"/>
    <col min="3337" max="3337" width="8.6328125" style="1" customWidth="1"/>
    <col min="3338" max="3338" width="10.6328125" style="1" customWidth="1"/>
    <col min="3339" max="3339" width="8.6328125" style="1" customWidth="1"/>
    <col min="3340" max="3340" width="10.6328125" style="1" customWidth="1"/>
    <col min="3341" max="3341" width="8.6328125" style="1" customWidth="1"/>
    <col min="3342" max="3584" width="9" style="1"/>
    <col min="3585" max="3585" width="2.6328125" style="1" customWidth="1"/>
    <col min="3586" max="3586" width="5.6328125" style="1" customWidth="1"/>
    <col min="3587" max="3587" width="23.90625" style="1" customWidth="1"/>
    <col min="3588" max="3588" width="10.6328125" style="1" customWidth="1"/>
    <col min="3589" max="3589" width="8.6328125" style="1" customWidth="1"/>
    <col min="3590" max="3590" width="10.6328125" style="1" customWidth="1"/>
    <col min="3591" max="3591" width="8.6328125" style="1" customWidth="1"/>
    <col min="3592" max="3592" width="10.6328125" style="1" customWidth="1"/>
    <col min="3593" max="3593" width="8.6328125" style="1" customWidth="1"/>
    <col min="3594" max="3594" width="10.6328125" style="1" customWidth="1"/>
    <col min="3595" max="3595" width="8.6328125" style="1" customWidth="1"/>
    <col min="3596" max="3596" width="10.6328125" style="1" customWidth="1"/>
    <col min="3597" max="3597" width="8.6328125" style="1" customWidth="1"/>
    <col min="3598" max="3840" width="9" style="1"/>
    <col min="3841" max="3841" width="2.6328125" style="1" customWidth="1"/>
    <col min="3842" max="3842" width="5.6328125" style="1" customWidth="1"/>
    <col min="3843" max="3843" width="23.90625" style="1" customWidth="1"/>
    <col min="3844" max="3844" width="10.6328125" style="1" customWidth="1"/>
    <col min="3845" max="3845" width="8.6328125" style="1" customWidth="1"/>
    <col min="3846" max="3846" width="10.6328125" style="1" customWidth="1"/>
    <col min="3847" max="3847" width="8.6328125" style="1" customWidth="1"/>
    <col min="3848" max="3848" width="10.6328125" style="1" customWidth="1"/>
    <col min="3849" max="3849" width="8.6328125" style="1" customWidth="1"/>
    <col min="3850" max="3850" width="10.6328125" style="1" customWidth="1"/>
    <col min="3851" max="3851" width="8.6328125" style="1" customWidth="1"/>
    <col min="3852" max="3852" width="10.6328125" style="1" customWidth="1"/>
    <col min="3853" max="3853" width="8.6328125" style="1" customWidth="1"/>
    <col min="3854" max="4096" width="9" style="1"/>
    <col min="4097" max="4097" width="2.6328125" style="1" customWidth="1"/>
    <col min="4098" max="4098" width="5.6328125" style="1" customWidth="1"/>
    <col min="4099" max="4099" width="23.90625" style="1" customWidth="1"/>
    <col min="4100" max="4100" width="10.6328125" style="1" customWidth="1"/>
    <col min="4101" max="4101" width="8.6328125" style="1" customWidth="1"/>
    <col min="4102" max="4102" width="10.6328125" style="1" customWidth="1"/>
    <col min="4103" max="4103" width="8.6328125" style="1" customWidth="1"/>
    <col min="4104" max="4104" width="10.6328125" style="1" customWidth="1"/>
    <col min="4105" max="4105" width="8.6328125" style="1" customWidth="1"/>
    <col min="4106" max="4106" width="10.6328125" style="1" customWidth="1"/>
    <col min="4107" max="4107" width="8.6328125" style="1" customWidth="1"/>
    <col min="4108" max="4108" width="10.6328125" style="1" customWidth="1"/>
    <col min="4109" max="4109" width="8.6328125" style="1" customWidth="1"/>
    <col min="4110" max="4352" width="9" style="1"/>
    <col min="4353" max="4353" width="2.6328125" style="1" customWidth="1"/>
    <col min="4354" max="4354" width="5.6328125" style="1" customWidth="1"/>
    <col min="4355" max="4355" width="23.90625" style="1" customWidth="1"/>
    <col min="4356" max="4356" width="10.6328125" style="1" customWidth="1"/>
    <col min="4357" max="4357" width="8.6328125" style="1" customWidth="1"/>
    <col min="4358" max="4358" width="10.6328125" style="1" customWidth="1"/>
    <col min="4359" max="4359" width="8.6328125" style="1" customWidth="1"/>
    <col min="4360" max="4360" width="10.6328125" style="1" customWidth="1"/>
    <col min="4361" max="4361" width="8.6328125" style="1" customWidth="1"/>
    <col min="4362" max="4362" width="10.6328125" style="1" customWidth="1"/>
    <col min="4363" max="4363" width="8.6328125" style="1" customWidth="1"/>
    <col min="4364" max="4364" width="10.6328125" style="1" customWidth="1"/>
    <col min="4365" max="4365" width="8.6328125" style="1" customWidth="1"/>
    <col min="4366" max="4608" width="9" style="1"/>
    <col min="4609" max="4609" width="2.6328125" style="1" customWidth="1"/>
    <col min="4610" max="4610" width="5.6328125" style="1" customWidth="1"/>
    <col min="4611" max="4611" width="23.90625" style="1" customWidth="1"/>
    <col min="4612" max="4612" width="10.6328125" style="1" customWidth="1"/>
    <col min="4613" max="4613" width="8.6328125" style="1" customWidth="1"/>
    <col min="4614" max="4614" width="10.6328125" style="1" customWidth="1"/>
    <col min="4615" max="4615" width="8.6328125" style="1" customWidth="1"/>
    <col min="4616" max="4616" width="10.6328125" style="1" customWidth="1"/>
    <col min="4617" max="4617" width="8.6328125" style="1" customWidth="1"/>
    <col min="4618" max="4618" width="10.6328125" style="1" customWidth="1"/>
    <col min="4619" max="4619" width="8.6328125" style="1" customWidth="1"/>
    <col min="4620" max="4620" width="10.6328125" style="1" customWidth="1"/>
    <col min="4621" max="4621" width="8.6328125" style="1" customWidth="1"/>
    <col min="4622" max="4864" width="9" style="1"/>
    <col min="4865" max="4865" width="2.6328125" style="1" customWidth="1"/>
    <col min="4866" max="4866" width="5.6328125" style="1" customWidth="1"/>
    <col min="4867" max="4867" width="23.90625" style="1" customWidth="1"/>
    <col min="4868" max="4868" width="10.6328125" style="1" customWidth="1"/>
    <col min="4869" max="4869" width="8.6328125" style="1" customWidth="1"/>
    <col min="4870" max="4870" width="10.6328125" style="1" customWidth="1"/>
    <col min="4871" max="4871" width="8.6328125" style="1" customWidth="1"/>
    <col min="4872" max="4872" width="10.6328125" style="1" customWidth="1"/>
    <col min="4873" max="4873" width="8.6328125" style="1" customWidth="1"/>
    <col min="4874" max="4874" width="10.6328125" style="1" customWidth="1"/>
    <col min="4875" max="4875" width="8.6328125" style="1" customWidth="1"/>
    <col min="4876" max="4876" width="10.6328125" style="1" customWidth="1"/>
    <col min="4877" max="4877" width="8.6328125" style="1" customWidth="1"/>
    <col min="4878" max="5120" width="9" style="1"/>
    <col min="5121" max="5121" width="2.6328125" style="1" customWidth="1"/>
    <col min="5122" max="5122" width="5.6328125" style="1" customWidth="1"/>
    <col min="5123" max="5123" width="23.90625" style="1" customWidth="1"/>
    <col min="5124" max="5124" width="10.6328125" style="1" customWidth="1"/>
    <col min="5125" max="5125" width="8.6328125" style="1" customWidth="1"/>
    <col min="5126" max="5126" width="10.6328125" style="1" customWidth="1"/>
    <col min="5127" max="5127" width="8.6328125" style="1" customWidth="1"/>
    <col min="5128" max="5128" width="10.6328125" style="1" customWidth="1"/>
    <col min="5129" max="5129" width="8.6328125" style="1" customWidth="1"/>
    <col min="5130" max="5130" width="10.6328125" style="1" customWidth="1"/>
    <col min="5131" max="5131" width="8.6328125" style="1" customWidth="1"/>
    <col min="5132" max="5132" width="10.6328125" style="1" customWidth="1"/>
    <col min="5133" max="5133" width="8.6328125" style="1" customWidth="1"/>
    <col min="5134" max="5376" width="9" style="1"/>
    <col min="5377" max="5377" width="2.6328125" style="1" customWidth="1"/>
    <col min="5378" max="5378" width="5.6328125" style="1" customWidth="1"/>
    <col min="5379" max="5379" width="23.90625" style="1" customWidth="1"/>
    <col min="5380" max="5380" width="10.6328125" style="1" customWidth="1"/>
    <col min="5381" max="5381" width="8.6328125" style="1" customWidth="1"/>
    <col min="5382" max="5382" width="10.6328125" style="1" customWidth="1"/>
    <col min="5383" max="5383" width="8.6328125" style="1" customWidth="1"/>
    <col min="5384" max="5384" width="10.6328125" style="1" customWidth="1"/>
    <col min="5385" max="5385" width="8.6328125" style="1" customWidth="1"/>
    <col min="5386" max="5386" width="10.6328125" style="1" customWidth="1"/>
    <col min="5387" max="5387" width="8.6328125" style="1" customWidth="1"/>
    <col min="5388" max="5388" width="10.6328125" style="1" customWidth="1"/>
    <col min="5389" max="5389" width="8.6328125" style="1" customWidth="1"/>
    <col min="5390" max="5632" width="9" style="1"/>
    <col min="5633" max="5633" width="2.6328125" style="1" customWidth="1"/>
    <col min="5634" max="5634" width="5.6328125" style="1" customWidth="1"/>
    <col min="5635" max="5635" width="23.90625" style="1" customWidth="1"/>
    <col min="5636" max="5636" width="10.6328125" style="1" customWidth="1"/>
    <col min="5637" max="5637" width="8.6328125" style="1" customWidth="1"/>
    <col min="5638" max="5638" width="10.6328125" style="1" customWidth="1"/>
    <col min="5639" max="5639" width="8.6328125" style="1" customWidth="1"/>
    <col min="5640" max="5640" width="10.6328125" style="1" customWidth="1"/>
    <col min="5641" max="5641" width="8.6328125" style="1" customWidth="1"/>
    <col min="5642" max="5642" width="10.6328125" style="1" customWidth="1"/>
    <col min="5643" max="5643" width="8.6328125" style="1" customWidth="1"/>
    <col min="5644" max="5644" width="10.6328125" style="1" customWidth="1"/>
    <col min="5645" max="5645" width="8.6328125" style="1" customWidth="1"/>
    <col min="5646" max="5888" width="9" style="1"/>
    <col min="5889" max="5889" width="2.6328125" style="1" customWidth="1"/>
    <col min="5890" max="5890" width="5.6328125" style="1" customWidth="1"/>
    <col min="5891" max="5891" width="23.90625" style="1" customWidth="1"/>
    <col min="5892" max="5892" width="10.6328125" style="1" customWidth="1"/>
    <col min="5893" max="5893" width="8.6328125" style="1" customWidth="1"/>
    <col min="5894" max="5894" width="10.6328125" style="1" customWidth="1"/>
    <col min="5895" max="5895" width="8.6328125" style="1" customWidth="1"/>
    <col min="5896" max="5896" width="10.6328125" style="1" customWidth="1"/>
    <col min="5897" max="5897" width="8.6328125" style="1" customWidth="1"/>
    <col min="5898" max="5898" width="10.6328125" style="1" customWidth="1"/>
    <col min="5899" max="5899" width="8.6328125" style="1" customWidth="1"/>
    <col min="5900" max="5900" width="10.6328125" style="1" customWidth="1"/>
    <col min="5901" max="5901" width="8.6328125" style="1" customWidth="1"/>
    <col min="5902" max="6144" width="9" style="1"/>
    <col min="6145" max="6145" width="2.6328125" style="1" customWidth="1"/>
    <col min="6146" max="6146" width="5.6328125" style="1" customWidth="1"/>
    <col min="6147" max="6147" width="23.90625" style="1" customWidth="1"/>
    <col min="6148" max="6148" width="10.6328125" style="1" customWidth="1"/>
    <col min="6149" max="6149" width="8.6328125" style="1" customWidth="1"/>
    <col min="6150" max="6150" width="10.6328125" style="1" customWidth="1"/>
    <col min="6151" max="6151" width="8.6328125" style="1" customWidth="1"/>
    <col min="6152" max="6152" width="10.6328125" style="1" customWidth="1"/>
    <col min="6153" max="6153" width="8.6328125" style="1" customWidth="1"/>
    <col min="6154" max="6154" width="10.6328125" style="1" customWidth="1"/>
    <col min="6155" max="6155" width="8.6328125" style="1" customWidth="1"/>
    <col min="6156" max="6156" width="10.6328125" style="1" customWidth="1"/>
    <col min="6157" max="6157" width="8.6328125" style="1" customWidth="1"/>
    <col min="6158" max="6400" width="9" style="1"/>
    <col min="6401" max="6401" width="2.6328125" style="1" customWidth="1"/>
    <col min="6402" max="6402" width="5.6328125" style="1" customWidth="1"/>
    <col min="6403" max="6403" width="23.90625" style="1" customWidth="1"/>
    <col min="6404" max="6404" width="10.6328125" style="1" customWidth="1"/>
    <col min="6405" max="6405" width="8.6328125" style="1" customWidth="1"/>
    <col min="6406" max="6406" width="10.6328125" style="1" customWidth="1"/>
    <col min="6407" max="6407" width="8.6328125" style="1" customWidth="1"/>
    <col min="6408" max="6408" width="10.6328125" style="1" customWidth="1"/>
    <col min="6409" max="6409" width="8.6328125" style="1" customWidth="1"/>
    <col min="6410" max="6410" width="10.6328125" style="1" customWidth="1"/>
    <col min="6411" max="6411" width="8.6328125" style="1" customWidth="1"/>
    <col min="6412" max="6412" width="10.6328125" style="1" customWidth="1"/>
    <col min="6413" max="6413" width="8.6328125" style="1" customWidth="1"/>
    <col min="6414" max="6656" width="9" style="1"/>
    <col min="6657" max="6657" width="2.6328125" style="1" customWidth="1"/>
    <col min="6658" max="6658" width="5.6328125" style="1" customWidth="1"/>
    <col min="6659" max="6659" width="23.90625" style="1" customWidth="1"/>
    <col min="6660" max="6660" width="10.6328125" style="1" customWidth="1"/>
    <col min="6661" max="6661" width="8.6328125" style="1" customWidth="1"/>
    <col min="6662" max="6662" width="10.6328125" style="1" customWidth="1"/>
    <col min="6663" max="6663" width="8.6328125" style="1" customWidth="1"/>
    <col min="6664" max="6664" width="10.6328125" style="1" customWidth="1"/>
    <col min="6665" max="6665" width="8.6328125" style="1" customWidth="1"/>
    <col min="6666" max="6666" width="10.6328125" style="1" customWidth="1"/>
    <col min="6667" max="6667" width="8.6328125" style="1" customWidth="1"/>
    <col min="6668" max="6668" width="10.6328125" style="1" customWidth="1"/>
    <col min="6669" max="6669" width="8.6328125" style="1" customWidth="1"/>
    <col min="6670" max="6912" width="9" style="1"/>
    <col min="6913" max="6913" width="2.6328125" style="1" customWidth="1"/>
    <col min="6914" max="6914" width="5.6328125" style="1" customWidth="1"/>
    <col min="6915" max="6915" width="23.90625" style="1" customWidth="1"/>
    <col min="6916" max="6916" width="10.6328125" style="1" customWidth="1"/>
    <col min="6917" max="6917" width="8.6328125" style="1" customWidth="1"/>
    <col min="6918" max="6918" width="10.6328125" style="1" customWidth="1"/>
    <col min="6919" max="6919" width="8.6328125" style="1" customWidth="1"/>
    <col min="6920" max="6920" width="10.6328125" style="1" customWidth="1"/>
    <col min="6921" max="6921" width="8.6328125" style="1" customWidth="1"/>
    <col min="6922" max="6922" width="10.6328125" style="1" customWidth="1"/>
    <col min="6923" max="6923" width="8.6328125" style="1" customWidth="1"/>
    <col min="6924" max="6924" width="10.6328125" style="1" customWidth="1"/>
    <col min="6925" max="6925" width="8.6328125" style="1" customWidth="1"/>
    <col min="6926" max="7168" width="9" style="1"/>
    <col min="7169" max="7169" width="2.6328125" style="1" customWidth="1"/>
    <col min="7170" max="7170" width="5.6328125" style="1" customWidth="1"/>
    <col min="7171" max="7171" width="23.90625" style="1" customWidth="1"/>
    <col min="7172" max="7172" width="10.6328125" style="1" customWidth="1"/>
    <col min="7173" max="7173" width="8.6328125" style="1" customWidth="1"/>
    <col min="7174" max="7174" width="10.6328125" style="1" customWidth="1"/>
    <col min="7175" max="7175" width="8.6328125" style="1" customWidth="1"/>
    <col min="7176" max="7176" width="10.6328125" style="1" customWidth="1"/>
    <col min="7177" max="7177" width="8.6328125" style="1" customWidth="1"/>
    <col min="7178" max="7178" width="10.6328125" style="1" customWidth="1"/>
    <col min="7179" max="7179" width="8.6328125" style="1" customWidth="1"/>
    <col min="7180" max="7180" width="10.6328125" style="1" customWidth="1"/>
    <col min="7181" max="7181" width="8.6328125" style="1" customWidth="1"/>
    <col min="7182" max="7424" width="9" style="1"/>
    <col min="7425" max="7425" width="2.6328125" style="1" customWidth="1"/>
    <col min="7426" max="7426" width="5.6328125" style="1" customWidth="1"/>
    <col min="7427" max="7427" width="23.90625" style="1" customWidth="1"/>
    <col min="7428" max="7428" width="10.6328125" style="1" customWidth="1"/>
    <col min="7429" max="7429" width="8.6328125" style="1" customWidth="1"/>
    <col min="7430" max="7430" width="10.6328125" style="1" customWidth="1"/>
    <col min="7431" max="7431" width="8.6328125" style="1" customWidth="1"/>
    <col min="7432" max="7432" width="10.6328125" style="1" customWidth="1"/>
    <col min="7433" max="7433" width="8.6328125" style="1" customWidth="1"/>
    <col min="7434" max="7434" width="10.6328125" style="1" customWidth="1"/>
    <col min="7435" max="7435" width="8.6328125" style="1" customWidth="1"/>
    <col min="7436" max="7436" width="10.6328125" style="1" customWidth="1"/>
    <col min="7437" max="7437" width="8.6328125" style="1" customWidth="1"/>
    <col min="7438" max="7680" width="9" style="1"/>
    <col min="7681" max="7681" width="2.6328125" style="1" customWidth="1"/>
    <col min="7682" max="7682" width="5.6328125" style="1" customWidth="1"/>
    <col min="7683" max="7683" width="23.90625" style="1" customWidth="1"/>
    <col min="7684" max="7684" width="10.6328125" style="1" customWidth="1"/>
    <col min="7685" max="7685" width="8.6328125" style="1" customWidth="1"/>
    <col min="7686" max="7686" width="10.6328125" style="1" customWidth="1"/>
    <col min="7687" max="7687" width="8.6328125" style="1" customWidth="1"/>
    <col min="7688" max="7688" width="10.6328125" style="1" customWidth="1"/>
    <col min="7689" max="7689" width="8.6328125" style="1" customWidth="1"/>
    <col min="7690" max="7690" width="10.6328125" style="1" customWidth="1"/>
    <col min="7691" max="7691" width="8.6328125" style="1" customWidth="1"/>
    <col min="7692" max="7692" width="10.6328125" style="1" customWidth="1"/>
    <col min="7693" max="7693" width="8.6328125" style="1" customWidth="1"/>
    <col min="7694" max="7936" width="9" style="1"/>
    <col min="7937" max="7937" width="2.6328125" style="1" customWidth="1"/>
    <col min="7938" max="7938" width="5.6328125" style="1" customWidth="1"/>
    <col min="7939" max="7939" width="23.90625" style="1" customWidth="1"/>
    <col min="7940" max="7940" width="10.6328125" style="1" customWidth="1"/>
    <col min="7941" max="7941" width="8.6328125" style="1" customWidth="1"/>
    <col min="7942" max="7942" width="10.6328125" style="1" customWidth="1"/>
    <col min="7943" max="7943" width="8.6328125" style="1" customWidth="1"/>
    <col min="7944" max="7944" width="10.6328125" style="1" customWidth="1"/>
    <col min="7945" max="7945" width="8.6328125" style="1" customWidth="1"/>
    <col min="7946" max="7946" width="10.6328125" style="1" customWidth="1"/>
    <col min="7947" max="7947" width="8.6328125" style="1" customWidth="1"/>
    <col min="7948" max="7948" width="10.6328125" style="1" customWidth="1"/>
    <col min="7949" max="7949" width="8.6328125" style="1" customWidth="1"/>
    <col min="7950" max="8192" width="9" style="1"/>
    <col min="8193" max="8193" width="2.6328125" style="1" customWidth="1"/>
    <col min="8194" max="8194" width="5.6328125" style="1" customWidth="1"/>
    <col min="8195" max="8195" width="23.90625" style="1" customWidth="1"/>
    <col min="8196" max="8196" width="10.6328125" style="1" customWidth="1"/>
    <col min="8197" max="8197" width="8.6328125" style="1" customWidth="1"/>
    <col min="8198" max="8198" width="10.6328125" style="1" customWidth="1"/>
    <col min="8199" max="8199" width="8.6328125" style="1" customWidth="1"/>
    <col min="8200" max="8200" width="10.6328125" style="1" customWidth="1"/>
    <col min="8201" max="8201" width="8.6328125" style="1" customWidth="1"/>
    <col min="8202" max="8202" width="10.6328125" style="1" customWidth="1"/>
    <col min="8203" max="8203" width="8.6328125" style="1" customWidth="1"/>
    <col min="8204" max="8204" width="10.6328125" style="1" customWidth="1"/>
    <col min="8205" max="8205" width="8.6328125" style="1" customWidth="1"/>
    <col min="8206" max="8448" width="9" style="1"/>
    <col min="8449" max="8449" width="2.6328125" style="1" customWidth="1"/>
    <col min="8450" max="8450" width="5.6328125" style="1" customWidth="1"/>
    <col min="8451" max="8451" width="23.90625" style="1" customWidth="1"/>
    <col min="8452" max="8452" width="10.6328125" style="1" customWidth="1"/>
    <col min="8453" max="8453" width="8.6328125" style="1" customWidth="1"/>
    <col min="8454" max="8454" width="10.6328125" style="1" customWidth="1"/>
    <col min="8455" max="8455" width="8.6328125" style="1" customWidth="1"/>
    <col min="8456" max="8456" width="10.6328125" style="1" customWidth="1"/>
    <col min="8457" max="8457" width="8.6328125" style="1" customWidth="1"/>
    <col min="8458" max="8458" width="10.6328125" style="1" customWidth="1"/>
    <col min="8459" max="8459" width="8.6328125" style="1" customWidth="1"/>
    <col min="8460" max="8460" width="10.6328125" style="1" customWidth="1"/>
    <col min="8461" max="8461" width="8.6328125" style="1" customWidth="1"/>
    <col min="8462" max="8704" width="9" style="1"/>
    <col min="8705" max="8705" width="2.6328125" style="1" customWidth="1"/>
    <col min="8706" max="8706" width="5.6328125" style="1" customWidth="1"/>
    <col min="8707" max="8707" width="23.90625" style="1" customWidth="1"/>
    <col min="8708" max="8708" width="10.6328125" style="1" customWidth="1"/>
    <col min="8709" max="8709" width="8.6328125" style="1" customWidth="1"/>
    <col min="8710" max="8710" width="10.6328125" style="1" customWidth="1"/>
    <col min="8711" max="8711" width="8.6328125" style="1" customWidth="1"/>
    <col min="8712" max="8712" width="10.6328125" style="1" customWidth="1"/>
    <col min="8713" max="8713" width="8.6328125" style="1" customWidth="1"/>
    <col min="8714" max="8714" width="10.6328125" style="1" customWidth="1"/>
    <col min="8715" max="8715" width="8.6328125" style="1" customWidth="1"/>
    <col min="8716" max="8716" width="10.6328125" style="1" customWidth="1"/>
    <col min="8717" max="8717" width="8.6328125" style="1" customWidth="1"/>
    <col min="8718" max="8960" width="9" style="1"/>
    <col min="8961" max="8961" width="2.6328125" style="1" customWidth="1"/>
    <col min="8962" max="8962" width="5.6328125" style="1" customWidth="1"/>
    <col min="8963" max="8963" width="23.90625" style="1" customWidth="1"/>
    <col min="8964" max="8964" width="10.6328125" style="1" customWidth="1"/>
    <col min="8965" max="8965" width="8.6328125" style="1" customWidth="1"/>
    <col min="8966" max="8966" width="10.6328125" style="1" customWidth="1"/>
    <col min="8967" max="8967" width="8.6328125" style="1" customWidth="1"/>
    <col min="8968" max="8968" width="10.6328125" style="1" customWidth="1"/>
    <col min="8969" max="8969" width="8.6328125" style="1" customWidth="1"/>
    <col min="8970" max="8970" width="10.6328125" style="1" customWidth="1"/>
    <col min="8971" max="8971" width="8.6328125" style="1" customWidth="1"/>
    <col min="8972" max="8972" width="10.6328125" style="1" customWidth="1"/>
    <col min="8973" max="8973" width="8.6328125" style="1" customWidth="1"/>
    <col min="8974" max="9216" width="9" style="1"/>
    <col min="9217" max="9217" width="2.6328125" style="1" customWidth="1"/>
    <col min="9218" max="9218" width="5.6328125" style="1" customWidth="1"/>
    <col min="9219" max="9219" width="23.90625" style="1" customWidth="1"/>
    <col min="9220" max="9220" width="10.6328125" style="1" customWidth="1"/>
    <col min="9221" max="9221" width="8.6328125" style="1" customWidth="1"/>
    <col min="9222" max="9222" width="10.6328125" style="1" customWidth="1"/>
    <col min="9223" max="9223" width="8.6328125" style="1" customWidth="1"/>
    <col min="9224" max="9224" width="10.6328125" style="1" customWidth="1"/>
    <col min="9225" max="9225" width="8.6328125" style="1" customWidth="1"/>
    <col min="9226" max="9226" width="10.6328125" style="1" customWidth="1"/>
    <col min="9227" max="9227" width="8.6328125" style="1" customWidth="1"/>
    <col min="9228" max="9228" width="10.6328125" style="1" customWidth="1"/>
    <col min="9229" max="9229" width="8.6328125" style="1" customWidth="1"/>
    <col min="9230" max="9472" width="9" style="1"/>
    <col min="9473" max="9473" width="2.6328125" style="1" customWidth="1"/>
    <col min="9474" max="9474" width="5.6328125" style="1" customWidth="1"/>
    <col min="9475" max="9475" width="23.90625" style="1" customWidth="1"/>
    <col min="9476" max="9476" width="10.6328125" style="1" customWidth="1"/>
    <col min="9477" max="9477" width="8.6328125" style="1" customWidth="1"/>
    <col min="9478" max="9478" width="10.6328125" style="1" customWidth="1"/>
    <col min="9479" max="9479" width="8.6328125" style="1" customWidth="1"/>
    <col min="9480" max="9480" width="10.6328125" style="1" customWidth="1"/>
    <col min="9481" max="9481" width="8.6328125" style="1" customWidth="1"/>
    <col min="9482" max="9482" width="10.6328125" style="1" customWidth="1"/>
    <col min="9483" max="9483" width="8.6328125" style="1" customWidth="1"/>
    <col min="9484" max="9484" width="10.6328125" style="1" customWidth="1"/>
    <col min="9485" max="9485" width="8.6328125" style="1" customWidth="1"/>
    <col min="9486" max="9728" width="9" style="1"/>
    <col min="9729" max="9729" width="2.6328125" style="1" customWidth="1"/>
    <col min="9730" max="9730" width="5.6328125" style="1" customWidth="1"/>
    <col min="9731" max="9731" width="23.90625" style="1" customWidth="1"/>
    <col min="9732" max="9732" width="10.6328125" style="1" customWidth="1"/>
    <col min="9733" max="9733" width="8.6328125" style="1" customWidth="1"/>
    <col min="9734" max="9734" width="10.6328125" style="1" customWidth="1"/>
    <col min="9735" max="9735" width="8.6328125" style="1" customWidth="1"/>
    <col min="9736" max="9736" width="10.6328125" style="1" customWidth="1"/>
    <col min="9737" max="9737" width="8.6328125" style="1" customWidth="1"/>
    <col min="9738" max="9738" width="10.6328125" style="1" customWidth="1"/>
    <col min="9739" max="9739" width="8.6328125" style="1" customWidth="1"/>
    <col min="9740" max="9740" width="10.6328125" style="1" customWidth="1"/>
    <col min="9741" max="9741" width="8.6328125" style="1" customWidth="1"/>
    <col min="9742" max="9984" width="9" style="1"/>
    <col min="9985" max="9985" width="2.6328125" style="1" customWidth="1"/>
    <col min="9986" max="9986" width="5.6328125" style="1" customWidth="1"/>
    <col min="9987" max="9987" width="23.90625" style="1" customWidth="1"/>
    <col min="9988" max="9988" width="10.6328125" style="1" customWidth="1"/>
    <col min="9989" max="9989" width="8.6328125" style="1" customWidth="1"/>
    <col min="9990" max="9990" width="10.6328125" style="1" customWidth="1"/>
    <col min="9991" max="9991" width="8.6328125" style="1" customWidth="1"/>
    <col min="9992" max="9992" width="10.6328125" style="1" customWidth="1"/>
    <col min="9993" max="9993" width="8.6328125" style="1" customWidth="1"/>
    <col min="9994" max="9994" width="10.6328125" style="1" customWidth="1"/>
    <col min="9995" max="9995" width="8.6328125" style="1" customWidth="1"/>
    <col min="9996" max="9996" width="10.6328125" style="1" customWidth="1"/>
    <col min="9997" max="9997" width="8.6328125" style="1" customWidth="1"/>
    <col min="9998" max="10240" width="9" style="1"/>
    <col min="10241" max="10241" width="2.6328125" style="1" customWidth="1"/>
    <col min="10242" max="10242" width="5.6328125" style="1" customWidth="1"/>
    <col min="10243" max="10243" width="23.90625" style="1" customWidth="1"/>
    <col min="10244" max="10244" width="10.6328125" style="1" customWidth="1"/>
    <col min="10245" max="10245" width="8.6328125" style="1" customWidth="1"/>
    <col min="10246" max="10246" width="10.6328125" style="1" customWidth="1"/>
    <col min="10247" max="10247" width="8.6328125" style="1" customWidth="1"/>
    <col min="10248" max="10248" width="10.6328125" style="1" customWidth="1"/>
    <col min="10249" max="10249" width="8.6328125" style="1" customWidth="1"/>
    <col min="10250" max="10250" width="10.6328125" style="1" customWidth="1"/>
    <col min="10251" max="10251" width="8.6328125" style="1" customWidth="1"/>
    <col min="10252" max="10252" width="10.6328125" style="1" customWidth="1"/>
    <col min="10253" max="10253" width="8.6328125" style="1" customWidth="1"/>
    <col min="10254" max="10496" width="9" style="1"/>
    <col min="10497" max="10497" width="2.6328125" style="1" customWidth="1"/>
    <col min="10498" max="10498" width="5.6328125" style="1" customWidth="1"/>
    <col min="10499" max="10499" width="23.90625" style="1" customWidth="1"/>
    <col min="10500" max="10500" width="10.6328125" style="1" customWidth="1"/>
    <col min="10501" max="10501" width="8.6328125" style="1" customWidth="1"/>
    <col min="10502" max="10502" width="10.6328125" style="1" customWidth="1"/>
    <col min="10503" max="10503" width="8.6328125" style="1" customWidth="1"/>
    <col min="10504" max="10504" width="10.6328125" style="1" customWidth="1"/>
    <col min="10505" max="10505" width="8.6328125" style="1" customWidth="1"/>
    <col min="10506" max="10506" width="10.6328125" style="1" customWidth="1"/>
    <col min="10507" max="10507" width="8.6328125" style="1" customWidth="1"/>
    <col min="10508" max="10508" width="10.6328125" style="1" customWidth="1"/>
    <col min="10509" max="10509" width="8.6328125" style="1" customWidth="1"/>
    <col min="10510" max="10752" width="9" style="1"/>
    <col min="10753" max="10753" width="2.6328125" style="1" customWidth="1"/>
    <col min="10754" max="10754" width="5.6328125" style="1" customWidth="1"/>
    <col min="10755" max="10755" width="23.90625" style="1" customWidth="1"/>
    <col min="10756" max="10756" width="10.6328125" style="1" customWidth="1"/>
    <col min="10757" max="10757" width="8.6328125" style="1" customWidth="1"/>
    <col min="10758" max="10758" width="10.6328125" style="1" customWidth="1"/>
    <col min="10759" max="10759" width="8.6328125" style="1" customWidth="1"/>
    <col min="10760" max="10760" width="10.6328125" style="1" customWidth="1"/>
    <col min="10761" max="10761" width="8.6328125" style="1" customWidth="1"/>
    <col min="10762" max="10762" width="10.6328125" style="1" customWidth="1"/>
    <col min="10763" max="10763" width="8.6328125" style="1" customWidth="1"/>
    <col min="10764" max="10764" width="10.6328125" style="1" customWidth="1"/>
    <col min="10765" max="10765" width="8.6328125" style="1" customWidth="1"/>
    <col min="10766" max="11008" width="9" style="1"/>
    <col min="11009" max="11009" width="2.6328125" style="1" customWidth="1"/>
    <col min="11010" max="11010" width="5.6328125" style="1" customWidth="1"/>
    <col min="11011" max="11011" width="23.90625" style="1" customWidth="1"/>
    <col min="11012" max="11012" width="10.6328125" style="1" customWidth="1"/>
    <col min="11013" max="11013" width="8.6328125" style="1" customWidth="1"/>
    <col min="11014" max="11014" width="10.6328125" style="1" customWidth="1"/>
    <col min="11015" max="11015" width="8.6328125" style="1" customWidth="1"/>
    <col min="11016" max="11016" width="10.6328125" style="1" customWidth="1"/>
    <col min="11017" max="11017" width="8.6328125" style="1" customWidth="1"/>
    <col min="11018" max="11018" width="10.6328125" style="1" customWidth="1"/>
    <col min="11019" max="11019" width="8.6328125" style="1" customWidth="1"/>
    <col min="11020" max="11020" width="10.6328125" style="1" customWidth="1"/>
    <col min="11021" max="11021" width="8.6328125" style="1" customWidth="1"/>
    <col min="11022" max="11264" width="9" style="1"/>
    <col min="11265" max="11265" width="2.6328125" style="1" customWidth="1"/>
    <col min="11266" max="11266" width="5.6328125" style="1" customWidth="1"/>
    <col min="11267" max="11267" width="23.90625" style="1" customWidth="1"/>
    <col min="11268" max="11268" width="10.6328125" style="1" customWidth="1"/>
    <col min="11269" max="11269" width="8.6328125" style="1" customWidth="1"/>
    <col min="11270" max="11270" width="10.6328125" style="1" customWidth="1"/>
    <col min="11271" max="11271" width="8.6328125" style="1" customWidth="1"/>
    <col min="11272" max="11272" width="10.6328125" style="1" customWidth="1"/>
    <col min="11273" max="11273" width="8.6328125" style="1" customWidth="1"/>
    <col min="11274" max="11274" width="10.6328125" style="1" customWidth="1"/>
    <col min="11275" max="11275" width="8.6328125" style="1" customWidth="1"/>
    <col min="11276" max="11276" width="10.6328125" style="1" customWidth="1"/>
    <col min="11277" max="11277" width="8.6328125" style="1" customWidth="1"/>
    <col min="11278" max="11520" width="9" style="1"/>
    <col min="11521" max="11521" width="2.6328125" style="1" customWidth="1"/>
    <col min="11522" max="11522" width="5.6328125" style="1" customWidth="1"/>
    <col min="11523" max="11523" width="23.90625" style="1" customWidth="1"/>
    <col min="11524" max="11524" width="10.6328125" style="1" customWidth="1"/>
    <col min="11525" max="11525" width="8.6328125" style="1" customWidth="1"/>
    <col min="11526" max="11526" width="10.6328125" style="1" customWidth="1"/>
    <col min="11527" max="11527" width="8.6328125" style="1" customWidth="1"/>
    <col min="11528" max="11528" width="10.6328125" style="1" customWidth="1"/>
    <col min="11529" max="11529" width="8.6328125" style="1" customWidth="1"/>
    <col min="11530" max="11530" width="10.6328125" style="1" customWidth="1"/>
    <col min="11531" max="11531" width="8.6328125" style="1" customWidth="1"/>
    <col min="11532" max="11532" width="10.6328125" style="1" customWidth="1"/>
    <col min="11533" max="11533" width="8.6328125" style="1" customWidth="1"/>
    <col min="11534" max="11776" width="9" style="1"/>
    <col min="11777" max="11777" width="2.6328125" style="1" customWidth="1"/>
    <col min="11778" max="11778" width="5.6328125" style="1" customWidth="1"/>
    <col min="11779" max="11779" width="23.90625" style="1" customWidth="1"/>
    <col min="11780" max="11780" width="10.6328125" style="1" customWidth="1"/>
    <col min="11781" max="11781" width="8.6328125" style="1" customWidth="1"/>
    <col min="11782" max="11782" width="10.6328125" style="1" customWidth="1"/>
    <col min="11783" max="11783" width="8.6328125" style="1" customWidth="1"/>
    <col min="11784" max="11784" width="10.6328125" style="1" customWidth="1"/>
    <col min="11785" max="11785" width="8.6328125" style="1" customWidth="1"/>
    <col min="11786" max="11786" width="10.6328125" style="1" customWidth="1"/>
    <col min="11787" max="11787" width="8.6328125" style="1" customWidth="1"/>
    <col min="11788" max="11788" width="10.6328125" style="1" customWidth="1"/>
    <col min="11789" max="11789" width="8.6328125" style="1" customWidth="1"/>
    <col min="11790" max="12032" width="9" style="1"/>
    <col min="12033" max="12033" width="2.6328125" style="1" customWidth="1"/>
    <col min="12034" max="12034" width="5.6328125" style="1" customWidth="1"/>
    <col min="12035" max="12035" width="23.90625" style="1" customWidth="1"/>
    <col min="12036" max="12036" width="10.6328125" style="1" customWidth="1"/>
    <col min="12037" max="12037" width="8.6328125" style="1" customWidth="1"/>
    <col min="12038" max="12038" width="10.6328125" style="1" customWidth="1"/>
    <col min="12039" max="12039" width="8.6328125" style="1" customWidth="1"/>
    <col min="12040" max="12040" width="10.6328125" style="1" customWidth="1"/>
    <col min="12041" max="12041" width="8.6328125" style="1" customWidth="1"/>
    <col min="12042" max="12042" width="10.6328125" style="1" customWidth="1"/>
    <col min="12043" max="12043" width="8.6328125" style="1" customWidth="1"/>
    <col min="12044" max="12044" width="10.6328125" style="1" customWidth="1"/>
    <col min="12045" max="12045" width="8.6328125" style="1" customWidth="1"/>
    <col min="12046" max="12288" width="9" style="1"/>
    <col min="12289" max="12289" width="2.6328125" style="1" customWidth="1"/>
    <col min="12290" max="12290" width="5.6328125" style="1" customWidth="1"/>
    <col min="12291" max="12291" width="23.90625" style="1" customWidth="1"/>
    <col min="12292" max="12292" width="10.6328125" style="1" customWidth="1"/>
    <col min="12293" max="12293" width="8.6328125" style="1" customWidth="1"/>
    <col min="12294" max="12294" width="10.6328125" style="1" customWidth="1"/>
    <col min="12295" max="12295" width="8.6328125" style="1" customWidth="1"/>
    <col min="12296" max="12296" width="10.6328125" style="1" customWidth="1"/>
    <col min="12297" max="12297" width="8.6328125" style="1" customWidth="1"/>
    <col min="12298" max="12298" width="10.6328125" style="1" customWidth="1"/>
    <col min="12299" max="12299" width="8.6328125" style="1" customWidth="1"/>
    <col min="12300" max="12300" width="10.6328125" style="1" customWidth="1"/>
    <col min="12301" max="12301" width="8.6328125" style="1" customWidth="1"/>
    <col min="12302" max="12544" width="9" style="1"/>
    <col min="12545" max="12545" width="2.6328125" style="1" customWidth="1"/>
    <col min="12546" max="12546" width="5.6328125" style="1" customWidth="1"/>
    <col min="12547" max="12547" width="23.90625" style="1" customWidth="1"/>
    <col min="12548" max="12548" width="10.6328125" style="1" customWidth="1"/>
    <col min="12549" max="12549" width="8.6328125" style="1" customWidth="1"/>
    <col min="12550" max="12550" width="10.6328125" style="1" customWidth="1"/>
    <col min="12551" max="12551" width="8.6328125" style="1" customWidth="1"/>
    <col min="12552" max="12552" width="10.6328125" style="1" customWidth="1"/>
    <col min="12553" max="12553" width="8.6328125" style="1" customWidth="1"/>
    <col min="12554" max="12554" width="10.6328125" style="1" customWidth="1"/>
    <col min="12555" max="12555" width="8.6328125" style="1" customWidth="1"/>
    <col min="12556" max="12556" width="10.6328125" style="1" customWidth="1"/>
    <col min="12557" max="12557" width="8.6328125" style="1" customWidth="1"/>
    <col min="12558" max="12800" width="9" style="1"/>
    <col min="12801" max="12801" width="2.6328125" style="1" customWidth="1"/>
    <col min="12802" max="12802" width="5.6328125" style="1" customWidth="1"/>
    <col min="12803" max="12803" width="23.90625" style="1" customWidth="1"/>
    <col min="12804" max="12804" width="10.6328125" style="1" customWidth="1"/>
    <col min="12805" max="12805" width="8.6328125" style="1" customWidth="1"/>
    <col min="12806" max="12806" width="10.6328125" style="1" customWidth="1"/>
    <col min="12807" max="12807" width="8.6328125" style="1" customWidth="1"/>
    <col min="12808" max="12808" width="10.6328125" style="1" customWidth="1"/>
    <col min="12809" max="12809" width="8.6328125" style="1" customWidth="1"/>
    <col min="12810" max="12810" width="10.6328125" style="1" customWidth="1"/>
    <col min="12811" max="12811" width="8.6328125" style="1" customWidth="1"/>
    <col min="12812" max="12812" width="10.6328125" style="1" customWidth="1"/>
    <col min="12813" max="12813" width="8.6328125" style="1" customWidth="1"/>
    <col min="12814" max="13056" width="9" style="1"/>
    <col min="13057" max="13057" width="2.6328125" style="1" customWidth="1"/>
    <col min="13058" max="13058" width="5.6328125" style="1" customWidth="1"/>
    <col min="13059" max="13059" width="23.90625" style="1" customWidth="1"/>
    <col min="13060" max="13060" width="10.6328125" style="1" customWidth="1"/>
    <col min="13061" max="13061" width="8.6328125" style="1" customWidth="1"/>
    <col min="13062" max="13062" width="10.6328125" style="1" customWidth="1"/>
    <col min="13063" max="13063" width="8.6328125" style="1" customWidth="1"/>
    <col min="13064" max="13064" width="10.6328125" style="1" customWidth="1"/>
    <col min="13065" max="13065" width="8.6328125" style="1" customWidth="1"/>
    <col min="13066" max="13066" width="10.6328125" style="1" customWidth="1"/>
    <col min="13067" max="13067" width="8.6328125" style="1" customWidth="1"/>
    <col min="13068" max="13068" width="10.6328125" style="1" customWidth="1"/>
    <col min="13069" max="13069" width="8.6328125" style="1" customWidth="1"/>
    <col min="13070" max="13312" width="9" style="1"/>
    <col min="13313" max="13313" width="2.6328125" style="1" customWidth="1"/>
    <col min="13314" max="13314" width="5.6328125" style="1" customWidth="1"/>
    <col min="13315" max="13315" width="23.90625" style="1" customWidth="1"/>
    <col min="13316" max="13316" width="10.6328125" style="1" customWidth="1"/>
    <col min="13317" max="13317" width="8.6328125" style="1" customWidth="1"/>
    <col min="13318" max="13318" width="10.6328125" style="1" customWidth="1"/>
    <col min="13319" max="13319" width="8.6328125" style="1" customWidth="1"/>
    <col min="13320" max="13320" width="10.6328125" style="1" customWidth="1"/>
    <col min="13321" max="13321" width="8.6328125" style="1" customWidth="1"/>
    <col min="13322" max="13322" width="10.6328125" style="1" customWidth="1"/>
    <col min="13323" max="13323" width="8.6328125" style="1" customWidth="1"/>
    <col min="13324" max="13324" width="10.6328125" style="1" customWidth="1"/>
    <col min="13325" max="13325" width="8.6328125" style="1" customWidth="1"/>
    <col min="13326" max="13568" width="9" style="1"/>
    <col min="13569" max="13569" width="2.6328125" style="1" customWidth="1"/>
    <col min="13570" max="13570" width="5.6328125" style="1" customWidth="1"/>
    <col min="13571" max="13571" width="23.90625" style="1" customWidth="1"/>
    <col min="13572" max="13572" width="10.6328125" style="1" customWidth="1"/>
    <col min="13573" max="13573" width="8.6328125" style="1" customWidth="1"/>
    <col min="13574" max="13574" width="10.6328125" style="1" customWidth="1"/>
    <col min="13575" max="13575" width="8.6328125" style="1" customWidth="1"/>
    <col min="13576" max="13576" width="10.6328125" style="1" customWidth="1"/>
    <col min="13577" max="13577" width="8.6328125" style="1" customWidth="1"/>
    <col min="13578" max="13578" width="10.6328125" style="1" customWidth="1"/>
    <col min="13579" max="13579" width="8.6328125" style="1" customWidth="1"/>
    <col min="13580" max="13580" width="10.6328125" style="1" customWidth="1"/>
    <col min="13581" max="13581" width="8.6328125" style="1" customWidth="1"/>
    <col min="13582" max="13824" width="9" style="1"/>
    <col min="13825" max="13825" width="2.6328125" style="1" customWidth="1"/>
    <col min="13826" max="13826" width="5.6328125" style="1" customWidth="1"/>
    <col min="13827" max="13827" width="23.90625" style="1" customWidth="1"/>
    <col min="13828" max="13828" width="10.6328125" style="1" customWidth="1"/>
    <col min="13829" max="13829" width="8.6328125" style="1" customWidth="1"/>
    <col min="13830" max="13830" width="10.6328125" style="1" customWidth="1"/>
    <col min="13831" max="13831" width="8.6328125" style="1" customWidth="1"/>
    <col min="13832" max="13832" width="10.6328125" style="1" customWidth="1"/>
    <col min="13833" max="13833" width="8.6328125" style="1" customWidth="1"/>
    <col min="13834" max="13834" width="10.6328125" style="1" customWidth="1"/>
    <col min="13835" max="13835" width="8.6328125" style="1" customWidth="1"/>
    <col min="13836" max="13836" width="10.6328125" style="1" customWidth="1"/>
    <col min="13837" max="13837" width="8.6328125" style="1" customWidth="1"/>
    <col min="13838" max="14080" width="9" style="1"/>
    <col min="14081" max="14081" width="2.6328125" style="1" customWidth="1"/>
    <col min="14082" max="14082" width="5.6328125" style="1" customWidth="1"/>
    <col min="14083" max="14083" width="23.90625" style="1" customWidth="1"/>
    <col min="14084" max="14084" width="10.6328125" style="1" customWidth="1"/>
    <col min="14085" max="14085" width="8.6328125" style="1" customWidth="1"/>
    <col min="14086" max="14086" width="10.6328125" style="1" customWidth="1"/>
    <col min="14087" max="14087" width="8.6328125" style="1" customWidth="1"/>
    <col min="14088" max="14088" width="10.6328125" style="1" customWidth="1"/>
    <col min="14089" max="14089" width="8.6328125" style="1" customWidth="1"/>
    <col min="14090" max="14090" width="10.6328125" style="1" customWidth="1"/>
    <col min="14091" max="14091" width="8.6328125" style="1" customWidth="1"/>
    <col min="14092" max="14092" width="10.6328125" style="1" customWidth="1"/>
    <col min="14093" max="14093" width="8.6328125" style="1" customWidth="1"/>
    <col min="14094" max="14336" width="9" style="1"/>
    <col min="14337" max="14337" width="2.6328125" style="1" customWidth="1"/>
    <col min="14338" max="14338" width="5.6328125" style="1" customWidth="1"/>
    <col min="14339" max="14339" width="23.90625" style="1" customWidth="1"/>
    <col min="14340" max="14340" width="10.6328125" style="1" customWidth="1"/>
    <col min="14341" max="14341" width="8.6328125" style="1" customWidth="1"/>
    <col min="14342" max="14342" width="10.6328125" style="1" customWidth="1"/>
    <col min="14343" max="14343" width="8.6328125" style="1" customWidth="1"/>
    <col min="14344" max="14344" width="10.6328125" style="1" customWidth="1"/>
    <col min="14345" max="14345" width="8.6328125" style="1" customWidth="1"/>
    <col min="14346" max="14346" width="10.6328125" style="1" customWidth="1"/>
    <col min="14347" max="14347" width="8.6328125" style="1" customWidth="1"/>
    <col min="14348" max="14348" width="10.6328125" style="1" customWidth="1"/>
    <col min="14349" max="14349" width="8.6328125" style="1" customWidth="1"/>
    <col min="14350" max="14592" width="9" style="1"/>
    <col min="14593" max="14593" width="2.6328125" style="1" customWidth="1"/>
    <col min="14594" max="14594" width="5.6328125" style="1" customWidth="1"/>
    <col min="14595" max="14595" width="23.90625" style="1" customWidth="1"/>
    <col min="14596" max="14596" width="10.6328125" style="1" customWidth="1"/>
    <col min="14597" max="14597" width="8.6328125" style="1" customWidth="1"/>
    <col min="14598" max="14598" width="10.6328125" style="1" customWidth="1"/>
    <col min="14599" max="14599" width="8.6328125" style="1" customWidth="1"/>
    <col min="14600" max="14600" width="10.6328125" style="1" customWidth="1"/>
    <col min="14601" max="14601" width="8.6328125" style="1" customWidth="1"/>
    <col min="14602" max="14602" width="10.6328125" style="1" customWidth="1"/>
    <col min="14603" max="14603" width="8.6328125" style="1" customWidth="1"/>
    <col min="14604" max="14604" width="10.6328125" style="1" customWidth="1"/>
    <col min="14605" max="14605" width="8.6328125" style="1" customWidth="1"/>
    <col min="14606" max="14848" width="9" style="1"/>
    <col min="14849" max="14849" width="2.6328125" style="1" customWidth="1"/>
    <col min="14850" max="14850" width="5.6328125" style="1" customWidth="1"/>
    <col min="14851" max="14851" width="23.90625" style="1" customWidth="1"/>
    <col min="14852" max="14852" width="10.6328125" style="1" customWidth="1"/>
    <col min="14853" max="14853" width="8.6328125" style="1" customWidth="1"/>
    <col min="14854" max="14854" width="10.6328125" style="1" customWidth="1"/>
    <col min="14855" max="14855" width="8.6328125" style="1" customWidth="1"/>
    <col min="14856" max="14856" width="10.6328125" style="1" customWidth="1"/>
    <col min="14857" max="14857" width="8.6328125" style="1" customWidth="1"/>
    <col min="14858" max="14858" width="10.6328125" style="1" customWidth="1"/>
    <col min="14859" max="14859" width="8.6328125" style="1" customWidth="1"/>
    <col min="14860" max="14860" width="10.6328125" style="1" customWidth="1"/>
    <col min="14861" max="14861" width="8.6328125" style="1" customWidth="1"/>
    <col min="14862" max="15104" width="9" style="1"/>
    <col min="15105" max="15105" width="2.6328125" style="1" customWidth="1"/>
    <col min="15106" max="15106" width="5.6328125" style="1" customWidth="1"/>
    <col min="15107" max="15107" width="23.90625" style="1" customWidth="1"/>
    <col min="15108" max="15108" width="10.6328125" style="1" customWidth="1"/>
    <col min="15109" max="15109" width="8.6328125" style="1" customWidth="1"/>
    <col min="15110" max="15110" width="10.6328125" style="1" customWidth="1"/>
    <col min="15111" max="15111" width="8.6328125" style="1" customWidth="1"/>
    <col min="15112" max="15112" width="10.6328125" style="1" customWidth="1"/>
    <col min="15113" max="15113" width="8.6328125" style="1" customWidth="1"/>
    <col min="15114" max="15114" width="10.6328125" style="1" customWidth="1"/>
    <col min="15115" max="15115" width="8.6328125" style="1" customWidth="1"/>
    <col min="15116" max="15116" width="10.6328125" style="1" customWidth="1"/>
    <col min="15117" max="15117" width="8.6328125" style="1" customWidth="1"/>
    <col min="15118" max="15360" width="9" style="1"/>
    <col min="15361" max="15361" width="2.6328125" style="1" customWidth="1"/>
    <col min="15362" max="15362" width="5.6328125" style="1" customWidth="1"/>
    <col min="15363" max="15363" width="23.90625" style="1" customWidth="1"/>
    <col min="15364" max="15364" width="10.6328125" style="1" customWidth="1"/>
    <col min="15365" max="15365" width="8.6328125" style="1" customWidth="1"/>
    <col min="15366" max="15366" width="10.6328125" style="1" customWidth="1"/>
    <col min="15367" max="15367" width="8.6328125" style="1" customWidth="1"/>
    <col min="15368" max="15368" width="10.6328125" style="1" customWidth="1"/>
    <col min="15369" max="15369" width="8.6328125" style="1" customWidth="1"/>
    <col min="15370" max="15370" width="10.6328125" style="1" customWidth="1"/>
    <col min="15371" max="15371" width="8.6328125" style="1" customWidth="1"/>
    <col min="15372" max="15372" width="10.6328125" style="1" customWidth="1"/>
    <col min="15373" max="15373" width="8.6328125" style="1" customWidth="1"/>
    <col min="15374" max="15616" width="9" style="1"/>
    <col min="15617" max="15617" width="2.6328125" style="1" customWidth="1"/>
    <col min="15618" max="15618" width="5.6328125" style="1" customWidth="1"/>
    <col min="15619" max="15619" width="23.90625" style="1" customWidth="1"/>
    <col min="15620" max="15620" width="10.6328125" style="1" customWidth="1"/>
    <col min="15621" max="15621" width="8.6328125" style="1" customWidth="1"/>
    <col min="15622" max="15622" width="10.6328125" style="1" customWidth="1"/>
    <col min="15623" max="15623" width="8.6328125" style="1" customWidth="1"/>
    <col min="15624" max="15624" width="10.6328125" style="1" customWidth="1"/>
    <col min="15625" max="15625" width="8.6328125" style="1" customWidth="1"/>
    <col min="15626" max="15626" width="10.6328125" style="1" customWidth="1"/>
    <col min="15627" max="15627" width="8.6328125" style="1" customWidth="1"/>
    <col min="15628" max="15628" width="10.6328125" style="1" customWidth="1"/>
    <col min="15629" max="15629" width="8.6328125" style="1" customWidth="1"/>
    <col min="15630" max="15872" width="9" style="1"/>
    <col min="15873" max="15873" width="2.6328125" style="1" customWidth="1"/>
    <col min="15874" max="15874" width="5.6328125" style="1" customWidth="1"/>
    <col min="15875" max="15875" width="23.90625" style="1" customWidth="1"/>
    <col min="15876" max="15876" width="10.6328125" style="1" customWidth="1"/>
    <col min="15877" max="15877" width="8.6328125" style="1" customWidth="1"/>
    <col min="15878" max="15878" width="10.6328125" style="1" customWidth="1"/>
    <col min="15879" max="15879" width="8.6328125" style="1" customWidth="1"/>
    <col min="15880" max="15880" width="10.6328125" style="1" customWidth="1"/>
    <col min="15881" max="15881" width="8.6328125" style="1" customWidth="1"/>
    <col min="15882" max="15882" width="10.6328125" style="1" customWidth="1"/>
    <col min="15883" max="15883" width="8.6328125" style="1" customWidth="1"/>
    <col min="15884" max="15884" width="10.6328125" style="1" customWidth="1"/>
    <col min="15885" max="15885" width="8.6328125" style="1" customWidth="1"/>
    <col min="15886" max="16128" width="9" style="1"/>
    <col min="16129" max="16129" width="2.6328125" style="1" customWidth="1"/>
    <col min="16130" max="16130" width="5.6328125" style="1" customWidth="1"/>
    <col min="16131" max="16131" width="23.90625" style="1" customWidth="1"/>
    <col min="16132" max="16132" width="10.6328125" style="1" customWidth="1"/>
    <col min="16133" max="16133" width="8.6328125" style="1" customWidth="1"/>
    <col min="16134" max="16134" width="10.6328125" style="1" customWidth="1"/>
    <col min="16135" max="16135" width="8.6328125" style="1" customWidth="1"/>
    <col min="16136" max="16136" width="10.6328125" style="1" customWidth="1"/>
    <col min="16137" max="16137" width="8.6328125" style="1" customWidth="1"/>
    <col min="16138" max="16138" width="10.6328125" style="1" customWidth="1"/>
    <col min="16139" max="16139" width="8.6328125" style="1" customWidth="1"/>
    <col min="16140" max="16140" width="10.6328125" style="1" customWidth="1"/>
    <col min="16141" max="16141" width="8.6328125" style="1" customWidth="1"/>
    <col min="16142" max="16384" width="9" style="1"/>
  </cols>
  <sheetData>
    <row r="1" spans="2:13">
      <c r="B1" s="7"/>
      <c r="C1" s="7"/>
      <c r="D1" s="7"/>
      <c r="E1" s="7"/>
      <c r="F1" s="7"/>
      <c r="G1" s="7"/>
      <c r="H1" s="7"/>
      <c r="I1" s="7"/>
      <c r="J1" s="7"/>
      <c r="K1" s="7"/>
      <c r="L1" s="7"/>
      <c r="M1" s="7"/>
    </row>
    <row r="2" spans="2:13">
      <c r="B2" s="7" t="s">
        <v>0</v>
      </c>
      <c r="C2" s="7"/>
      <c r="D2" s="7"/>
      <c r="E2" s="7"/>
      <c r="F2" s="7"/>
      <c r="G2" s="7"/>
      <c r="H2" s="7"/>
      <c r="I2" s="7"/>
      <c r="J2" s="7"/>
      <c r="K2" s="7"/>
      <c r="L2" s="7"/>
      <c r="M2" s="7"/>
    </row>
    <row r="3" spans="2:13"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2:13" ht="20.149999999999999" customHeight="1">
      <c r="B4" s="8"/>
      <c r="C4" s="8"/>
      <c r="D4" s="36" t="s">
        <v>27</v>
      </c>
      <c r="E4" s="37"/>
      <c r="F4" s="36" t="s">
        <v>1</v>
      </c>
      <c r="G4" s="37"/>
      <c r="H4" s="36" t="s">
        <v>28</v>
      </c>
      <c r="I4" s="37"/>
      <c r="J4" s="36" t="s">
        <v>2</v>
      </c>
      <c r="K4" s="37"/>
      <c r="L4" s="36" t="s">
        <v>29</v>
      </c>
      <c r="M4" s="37"/>
    </row>
    <row r="5" spans="2:13" ht="20.149999999999999" customHeight="1">
      <c r="B5" s="9"/>
      <c r="C5" s="9"/>
      <c r="D5" s="10" t="s">
        <v>3</v>
      </c>
      <c r="E5" s="11" t="s">
        <v>4</v>
      </c>
      <c r="F5" s="10" t="s">
        <v>3</v>
      </c>
      <c r="G5" s="10" t="s">
        <v>4</v>
      </c>
      <c r="H5" s="10" t="s">
        <v>3</v>
      </c>
      <c r="I5" s="10" t="s">
        <v>4</v>
      </c>
      <c r="J5" s="10" t="s">
        <v>3</v>
      </c>
      <c r="K5" s="10" t="s">
        <v>4</v>
      </c>
      <c r="L5" s="10" t="s">
        <v>3</v>
      </c>
      <c r="M5" s="10" t="s">
        <v>4</v>
      </c>
    </row>
    <row r="6" spans="2:13" ht="13.5" customHeight="1">
      <c r="B6" s="8"/>
      <c r="C6" s="12"/>
      <c r="D6" s="2" t="s">
        <v>5</v>
      </c>
      <c r="E6" s="3" t="s">
        <v>6</v>
      </c>
      <c r="F6" s="2" t="s">
        <v>5</v>
      </c>
      <c r="G6" s="2" t="s">
        <v>6</v>
      </c>
      <c r="H6" s="2" t="s">
        <v>5</v>
      </c>
      <c r="I6" s="2" t="s">
        <v>6</v>
      </c>
      <c r="J6" s="2" t="s">
        <v>5</v>
      </c>
      <c r="K6" s="2" t="s">
        <v>6</v>
      </c>
      <c r="L6" s="2" t="s">
        <v>5</v>
      </c>
      <c r="M6" s="2" t="s">
        <v>6</v>
      </c>
    </row>
    <row r="7" spans="2:13" ht="19.5" customHeight="1">
      <c r="B7" s="34" t="s">
        <v>7</v>
      </c>
      <c r="C7" s="13" t="s">
        <v>8</v>
      </c>
      <c r="D7" s="4">
        <v>3481</v>
      </c>
      <c r="E7" s="14">
        <v>15.72</v>
      </c>
      <c r="F7" s="5">
        <v>3077</v>
      </c>
      <c r="G7" s="15">
        <f t="shared" ref="G7:G13" si="0">ROUND(F7/F$13,4)*100</f>
        <v>14.510000000000002</v>
      </c>
      <c r="H7" s="5">
        <v>2697</v>
      </c>
      <c r="I7" s="15">
        <f t="shared" ref="I7:I13" si="1">ROUND(H7/H$13,4)*100</f>
        <v>13.170000000000002</v>
      </c>
      <c r="J7" s="5">
        <v>3620</v>
      </c>
      <c r="K7" s="15">
        <f t="shared" ref="K7:K13" si="2">ROUND(J7/J$13,4)*100</f>
        <v>16.760000000000002</v>
      </c>
      <c r="L7" s="5">
        <v>3530</v>
      </c>
      <c r="M7" s="15">
        <f t="shared" ref="M7:M13" si="3">ROUND(L7/L$13,4)*100</f>
        <v>16.43</v>
      </c>
    </row>
    <row r="8" spans="2:13" ht="19.5" customHeight="1">
      <c r="B8" s="34"/>
      <c r="C8" s="13" t="s">
        <v>9</v>
      </c>
      <c r="D8" s="4">
        <v>17070</v>
      </c>
      <c r="E8" s="14">
        <v>77.09</v>
      </c>
      <c r="F8" s="5">
        <v>16628</v>
      </c>
      <c r="G8" s="15">
        <f t="shared" si="0"/>
        <v>78.41</v>
      </c>
      <c r="H8" s="5">
        <v>16392</v>
      </c>
      <c r="I8" s="15">
        <f t="shared" si="1"/>
        <v>80.06</v>
      </c>
      <c r="J8" s="5">
        <v>16656</v>
      </c>
      <c r="K8" s="15">
        <f t="shared" si="2"/>
        <v>77.11</v>
      </c>
      <c r="L8" s="5">
        <v>16533</v>
      </c>
      <c r="M8" s="15">
        <f t="shared" si="3"/>
        <v>76.97</v>
      </c>
    </row>
    <row r="9" spans="2:13" ht="19.5" customHeight="1">
      <c r="B9" s="34"/>
      <c r="C9" s="13" t="s">
        <v>10</v>
      </c>
      <c r="D9" s="4">
        <v>306</v>
      </c>
      <c r="E9" s="14">
        <v>1.38</v>
      </c>
      <c r="F9" s="5">
        <v>267</v>
      </c>
      <c r="G9" s="15">
        <f t="shared" si="0"/>
        <v>1.26</v>
      </c>
      <c r="H9" s="5">
        <v>280</v>
      </c>
      <c r="I9" s="15">
        <f t="shared" si="1"/>
        <v>1.37</v>
      </c>
      <c r="J9" s="5">
        <v>283</v>
      </c>
      <c r="K9" s="15">
        <f t="shared" si="2"/>
        <v>1.31</v>
      </c>
      <c r="L9" s="5">
        <v>296</v>
      </c>
      <c r="M9" s="15">
        <f t="shared" si="3"/>
        <v>1.38</v>
      </c>
    </row>
    <row r="10" spans="2:13" ht="19.5" customHeight="1">
      <c r="B10" s="34"/>
      <c r="C10" s="13" t="s">
        <v>11</v>
      </c>
      <c r="D10" s="4">
        <v>269</v>
      </c>
      <c r="E10" s="14">
        <v>1.21</v>
      </c>
      <c r="F10" s="5">
        <v>249</v>
      </c>
      <c r="G10" s="15">
        <f t="shared" si="0"/>
        <v>1.17</v>
      </c>
      <c r="H10" s="5">
        <v>233</v>
      </c>
      <c r="I10" s="15">
        <f t="shared" si="1"/>
        <v>1.1400000000000001</v>
      </c>
      <c r="J10" s="5">
        <v>229</v>
      </c>
      <c r="K10" s="15">
        <f t="shared" si="2"/>
        <v>1.06</v>
      </c>
      <c r="L10" s="5">
        <v>221</v>
      </c>
      <c r="M10" s="15">
        <f t="shared" si="3"/>
        <v>1.03</v>
      </c>
    </row>
    <row r="11" spans="2:13" ht="19.5" customHeight="1">
      <c r="B11" s="34"/>
      <c r="C11" s="16" t="s">
        <v>12</v>
      </c>
      <c r="D11" s="4">
        <v>5</v>
      </c>
      <c r="E11" s="14">
        <v>0.02</v>
      </c>
      <c r="F11" s="5">
        <v>8</v>
      </c>
      <c r="G11" s="15">
        <f t="shared" si="0"/>
        <v>0.04</v>
      </c>
      <c r="H11" s="5">
        <v>3</v>
      </c>
      <c r="I11" s="15">
        <f t="shared" si="1"/>
        <v>0.01</v>
      </c>
      <c r="J11" s="5">
        <v>1</v>
      </c>
      <c r="K11" s="15">
        <f t="shared" si="2"/>
        <v>0</v>
      </c>
      <c r="L11" s="5">
        <v>4</v>
      </c>
      <c r="M11" s="15">
        <f t="shared" si="3"/>
        <v>0.02</v>
      </c>
    </row>
    <row r="12" spans="2:13" ht="19.5" customHeight="1">
      <c r="B12" s="34"/>
      <c r="C12" s="13" t="s">
        <v>13</v>
      </c>
      <c r="D12" s="4">
        <v>1012</v>
      </c>
      <c r="E12" s="14">
        <v>4.5699999999999994</v>
      </c>
      <c r="F12" s="5">
        <v>977</v>
      </c>
      <c r="G12" s="15">
        <f t="shared" si="0"/>
        <v>4.6100000000000003</v>
      </c>
      <c r="H12" s="5">
        <v>870</v>
      </c>
      <c r="I12" s="15">
        <f t="shared" si="1"/>
        <v>4.25</v>
      </c>
      <c r="J12" s="5">
        <v>812</v>
      </c>
      <c r="K12" s="15">
        <f t="shared" si="2"/>
        <v>3.7600000000000002</v>
      </c>
      <c r="L12" s="5">
        <v>897</v>
      </c>
      <c r="M12" s="15">
        <f t="shared" si="3"/>
        <v>4.18</v>
      </c>
    </row>
    <row r="13" spans="2:13" ht="19.5" customHeight="1">
      <c r="B13" s="35"/>
      <c r="C13" s="17" t="s">
        <v>14</v>
      </c>
      <c r="D13" s="18">
        <v>22143</v>
      </c>
      <c r="E13" s="19">
        <v>100</v>
      </c>
      <c r="F13" s="20">
        <v>21206</v>
      </c>
      <c r="G13" s="21">
        <f t="shared" si="0"/>
        <v>100</v>
      </c>
      <c r="H13" s="20">
        <v>20475</v>
      </c>
      <c r="I13" s="21">
        <f t="shared" si="1"/>
        <v>100</v>
      </c>
      <c r="J13" s="20">
        <v>21601</v>
      </c>
      <c r="K13" s="21">
        <f t="shared" si="2"/>
        <v>100</v>
      </c>
      <c r="L13" s="20">
        <f>SUM(L7:L12)</f>
        <v>21481</v>
      </c>
      <c r="M13" s="21">
        <f t="shared" si="3"/>
        <v>100</v>
      </c>
    </row>
    <row r="14" spans="2:13" ht="19.5" customHeight="1">
      <c r="B14" s="33" t="s">
        <v>15</v>
      </c>
      <c r="C14" s="13" t="s">
        <v>16</v>
      </c>
      <c r="D14" s="4">
        <v>2720</v>
      </c>
      <c r="E14" s="14">
        <v>10.54</v>
      </c>
      <c r="F14" s="5">
        <v>2239</v>
      </c>
      <c r="G14" s="15">
        <f t="shared" ref="G14:G20" si="4">ROUND(F14/F$20,4)*100</f>
        <v>10.17</v>
      </c>
      <c r="H14" s="5">
        <v>2149</v>
      </c>
      <c r="I14" s="15">
        <f t="shared" ref="I14:I20" si="5">ROUND(H14/H$20,4)*100</f>
        <v>8.73</v>
      </c>
      <c r="J14" s="5">
        <v>2742</v>
      </c>
      <c r="K14" s="15">
        <f t="shared" ref="K14:K20" si="6">ROUND(J14/J$20,4)*100</f>
        <v>9.629999999999999</v>
      </c>
      <c r="L14" s="5">
        <v>2992</v>
      </c>
      <c r="M14" s="15">
        <f t="shared" ref="M14:M20" si="7">ROUND(L14/L$20,4)*100</f>
        <v>11.06</v>
      </c>
    </row>
    <row r="15" spans="2:13" ht="19.5" customHeight="1">
      <c r="B15" s="34"/>
      <c r="C15" s="13" t="s">
        <v>17</v>
      </c>
      <c r="D15" s="4">
        <v>13330</v>
      </c>
      <c r="E15" s="14">
        <v>51.65</v>
      </c>
      <c r="F15" s="5">
        <v>11954</v>
      </c>
      <c r="G15" s="15">
        <f t="shared" si="4"/>
        <v>54.31</v>
      </c>
      <c r="H15" s="5">
        <v>11945</v>
      </c>
      <c r="I15" s="15">
        <f t="shared" si="5"/>
        <v>48.5</v>
      </c>
      <c r="J15" s="5">
        <v>12860</v>
      </c>
      <c r="K15" s="15">
        <f t="shared" si="6"/>
        <v>45.15</v>
      </c>
      <c r="L15" s="5">
        <v>12058</v>
      </c>
      <c r="M15" s="15">
        <f>ROUND(L15/L$20,4)*100</f>
        <v>44.57</v>
      </c>
    </row>
    <row r="16" spans="2:13" ht="19.5" customHeight="1">
      <c r="B16" s="34"/>
      <c r="C16" s="13" t="s">
        <v>18</v>
      </c>
      <c r="D16" s="4">
        <v>458</v>
      </c>
      <c r="E16" s="14">
        <v>1.77</v>
      </c>
      <c r="F16" s="5">
        <v>454</v>
      </c>
      <c r="G16" s="15">
        <f t="shared" si="4"/>
        <v>2.06</v>
      </c>
      <c r="H16" s="5">
        <v>411</v>
      </c>
      <c r="I16" s="15">
        <f t="shared" si="5"/>
        <v>1.67</v>
      </c>
      <c r="J16" s="5">
        <v>431</v>
      </c>
      <c r="K16" s="15">
        <f t="shared" si="6"/>
        <v>1.51</v>
      </c>
      <c r="L16" s="5">
        <v>442</v>
      </c>
      <c r="M16" s="15">
        <f t="shared" si="7"/>
        <v>1.63</v>
      </c>
    </row>
    <row r="17" spans="2:14" ht="19.5" customHeight="1">
      <c r="B17" s="34"/>
      <c r="C17" s="13" t="s">
        <v>19</v>
      </c>
      <c r="D17" s="4">
        <v>1040</v>
      </c>
      <c r="E17" s="14">
        <v>4.03</v>
      </c>
      <c r="F17" s="5">
        <v>1084</v>
      </c>
      <c r="G17" s="15">
        <f t="shared" si="4"/>
        <v>4.92</v>
      </c>
      <c r="H17" s="5">
        <v>1101</v>
      </c>
      <c r="I17" s="15">
        <f t="shared" si="5"/>
        <v>4.47</v>
      </c>
      <c r="J17" s="5">
        <v>1105</v>
      </c>
      <c r="K17" s="15">
        <f t="shared" si="6"/>
        <v>3.88</v>
      </c>
      <c r="L17" s="5">
        <v>1060</v>
      </c>
      <c r="M17" s="15">
        <f t="shared" si="7"/>
        <v>3.92</v>
      </c>
    </row>
    <row r="18" spans="2:14" ht="19.5" customHeight="1">
      <c r="B18" s="34"/>
      <c r="C18" s="16" t="s">
        <v>20</v>
      </c>
      <c r="D18" s="4">
        <v>6716</v>
      </c>
      <c r="E18" s="14">
        <v>26.02</v>
      </c>
      <c r="F18" s="5">
        <v>4791</v>
      </c>
      <c r="G18" s="15">
        <f t="shared" si="4"/>
        <v>21.77</v>
      </c>
      <c r="H18" s="5">
        <v>7782</v>
      </c>
      <c r="I18" s="15">
        <f t="shared" si="5"/>
        <v>31.6</v>
      </c>
      <c r="J18" s="5">
        <v>10169</v>
      </c>
      <c r="K18" s="15">
        <f t="shared" si="6"/>
        <v>35.699999999999996</v>
      </c>
      <c r="L18" s="5">
        <v>9436</v>
      </c>
      <c r="M18" s="15">
        <f t="shared" si="7"/>
        <v>34.870000000000005</v>
      </c>
    </row>
    <row r="19" spans="2:14" ht="19.5" customHeight="1">
      <c r="B19" s="34"/>
      <c r="C19" s="13" t="s">
        <v>13</v>
      </c>
      <c r="D19" s="4">
        <v>1543</v>
      </c>
      <c r="E19" s="14">
        <v>5.9799999999999995</v>
      </c>
      <c r="F19" s="5">
        <v>1489</v>
      </c>
      <c r="G19" s="15">
        <f t="shared" si="4"/>
        <v>6.76</v>
      </c>
      <c r="H19" s="5">
        <v>1240</v>
      </c>
      <c r="I19" s="15">
        <f t="shared" si="5"/>
        <v>5.0299999999999994</v>
      </c>
      <c r="J19" s="5">
        <v>1175</v>
      </c>
      <c r="K19" s="15">
        <f t="shared" si="6"/>
        <v>4.1300000000000008</v>
      </c>
      <c r="L19" s="5">
        <v>1069</v>
      </c>
      <c r="M19" s="15">
        <f t="shared" si="7"/>
        <v>3.95</v>
      </c>
    </row>
    <row r="20" spans="2:14" ht="19.5" customHeight="1">
      <c r="B20" s="35"/>
      <c r="C20" s="17" t="s">
        <v>14</v>
      </c>
      <c r="D20" s="18">
        <v>25807</v>
      </c>
      <c r="E20" s="14">
        <v>100</v>
      </c>
      <c r="F20" s="20">
        <v>22011</v>
      </c>
      <c r="G20" s="15">
        <f t="shared" si="4"/>
        <v>100</v>
      </c>
      <c r="H20" s="20">
        <v>24628</v>
      </c>
      <c r="I20" s="15">
        <f t="shared" si="5"/>
        <v>100</v>
      </c>
      <c r="J20" s="20">
        <v>28482</v>
      </c>
      <c r="K20" s="15">
        <f t="shared" si="6"/>
        <v>100</v>
      </c>
      <c r="L20" s="20">
        <f>SUM(L14:L19)</f>
        <v>27057</v>
      </c>
      <c r="M20" s="15">
        <f t="shared" si="7"/>
        <v>100</v>
      </c>
    </row>
    <row r="21" spans="2:14" ht="19.5" customHeight="1">
      <c r="B21" s="33" t="s">
        <v>21</v>
      </c>
      <c r="C21" s="13" t="s">
        <v>22</v>
      </c>
      <c r="D21" s="22">
        <v>-771</v>
      </c>
      <c r="E21" s="30"/>
      <c r="F21" s="23">
        <f>F10-F17</f>
        <v>-835</v>
      </c>
      <c r="G21" s="30"/>
      <c r="H21" s="23">
        <f>H10-H17</f>
        <v>-868</v>
      </c>
      <c r="I21" s="30"/>
      <c r="J21" s="23">
        <f>J10-J17</f>
        <v>-876</v>
      </c>
      <c r="K21" s="30"/>
      <c r="L21" s="23">
        <f>L10-L17</f>
        <v>-839</v>
      </c>
      <c r="M21" s="30"/>
    </row>
    <row r="22" spans="2:14" ht="19.5" customHeight="1">
      <c r="B22" s="34"/>
      <c r="C22" s="13" t="s">
        <v>23</v>
      </c>
      <c r="D22" s="24">
        <v>3740</v>
      </c>
      <c r="E22" s="31"/>
      <c r="F22" s="25">
        <f>F8-F15</f>
        <v>4674</v>
      </c>
      <c r="G22" s="31"/>
      <c r="H22" s="25">
        <f>H8-H15</f>
        <v>4447</v>
      </c>
      <c r="I22" s="31"/>
      <c r="J22" s="25">
        <f>J8-J15</f>
        <v>3796</v>
      </c>
      <c r="K22" s="31"/>
      <c r="L22" s="25">
        <f>L8-L15</f>
        <v>4475</v>
      </c>
      <c r="M22" s="31"/>
    </row>
    <row r="23" spans="2:14" ht="19.5" customHeight="1">
      <c r="B23" s="34"/>
      <c r="C23" s="13" t="s">
        <v>24</v>
      </c>
      <c r="D23" s="22">
        <v>-152</v>
      </c>
      <c r="E23" s="31"/>
      <c r="F23" s="23">
        <f>F9-F16</f>
        <v>-187</v>
      </c>
      <c r="G23" s="31"/>
      <c r="H23" s="23">
        <f>H9-H16</f>
        <v>-131</v>
      </c>
      <c r="I23" s="31"/>
      <c r="J23" s="23">
        <f>J9-J16</f>
        <v>-148</v>
      </c>
      <c r="K23" s="31"/>
      <c r="L23" s="23">
        <f>L9-L16</f>
        <v>-146</v>
      </c>
      <c r="M23" s="31"/>
    </row>
    <row r="24" spans="2:14" ht="19.5" customHeight="1">
      <c r="B24" s="34"/>
      <c r="C24" s="26" t="s">
        <v>25</v>
      </c>
      <c r="D24" s="22">
        <v>-6711</v>
      </c>
      <c r="E24" s="31"/>
      <c r="F24" s="23">
        <f>F11-F18</f>
        <v>-4783</v>
      </c>
      <c r="G24" s="31"/>
      <c r="H24" s="23">
        <f>H11-H18</f>
        <v>-7779</v>
      </c>
      <c r="I24" s="31"/>
      <c r="J24" s="23">
        <f>J11-J18</f>
        <v>-10168</v>
      </c>
      <c r="K24" s="31"/>
      <c r="L24" s="23">
        <f>L11-L18</f>
        <v>-9432</v>
      </c>
      <c r="M24" s="31"/>
    </row>
    <row r="25" spans="2:14" ht="19.5" customHeight="1">
      <c r="B25" s="34"/>
      <c r="C25" s="27" t="s">
        <v>26</v>
      </c>
      <c r="D25" s="22">
        <v>230</v>
      </c>
      <c r="E25" s="31"/>
      <c r="F25" s="23">
        <f>(F7+F12)-(F14+F19)</f>
        <v>326</v>
      </c>
      <c r="G25" s="31"/>
      <c r="H25" s="23">
        <f>(H7+H12)-(H14+H19)</f>
        <v>178</v>
      </c>
      <c r="I25" s="31"/>
      <c r="J25" s="23">
        <f>(J7+J12)-(J14+J19)</f>
        <v>515</v>
      </c>
      <c r="K25" s="31"/>
      <c r="L25" s="23">
        <f>(L7+L12)-(L14+L19)</f>
        <v>366</v>
      </c>
      <c r="M25" s="31"/>
    </row>
    <row r="26" spans="2:14" ht="19.5" customHeight="1">
      <c r="B26" s="35"/>
      <c r="C26" s="17" t="s">
        <v>14</v>
      </c>
      <c r="D26" s="28">
        <v>-3664</v>
      </c>
      <c r="E26" s="32"/>
      <c r="F26" s="29">
        <f>SUM(F21:F25)</f>
        <v>-805</v>
      </c>
      <c r="G26" s="32"/>
      <c r="H26" s="29">
        <f>SUM(H21:H25)</f>
        <v>-4153</v>
      </c>
      <c r="I26" s="32"/>
      <c r="J26" s="29">
        <f>SUM(J21:J25)</f>
        <v>-6881</v>
      </c>
      <c r="K26" s="32"/>
      <c r="L26" s="29">
        <f>SUM(L21:L25)</f>
        <v>-5576</v>
      </c>
      <c r="M26" s="32"/>
    </row>
    <row r="29" spans="2:14" ht="16.5">
      <c r="I29" s="6"/>
      <c r="J29" s="6"/>
      <c r="K29" s="6"/>
      <c r="L29" s="6"/>
      <c r="M29" s="6"/>
      <c r="N29" s="6"/>
    </row>
  </sheetData>
  <mergeCells count="13">
    <mergeCell ref="B7:B13"/>
    <mergeCell ref="D4:E4"/>
    <mergeCell ref="F4:G4"/>
    <mergeCell ref="H4:I4"/>
    <mergeCell ref="J4:K4"/>
    <mergeCell ref="L4:M4"/>
    <mergeCell ref="M21:M26"/>
    <mergeCell ref="B14:B20"/>
    <mergeCell ref="B21:B26"/>
    <mergeCell ref="E21:E26"/>
    <mergeCell ref="G21:G26"/>
    <mergeCell ref="I21:I26"/>
    <mergeCell ref="K21:K26"/>
  </mergeCells>
  <phoneticPr fontId="2"/>
  <pageMargins left="0.78740157480314965" right="0.78740157480314965" top="0.98425196850393704" bottom="0.98425196850393704" header="0.51181102362204722" footer="0.51181102362204722"/>
  <pageSetup paperSize="9" scale="9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5</vt:lpstr>
      <vt:lpstr>sheet5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51:02Z</dcterms:created>
  <dcterms:modified xsi:type="dcterms:W3CDTF">2025-11-07T04:46:38Z</dcterms:modified>
</cp:coreProperties>
</file>